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toyama-city.local\03財務部\0340資産税課\s1\☆大分類2税\00_最新要綱・様式\11_宛名関係様式\★R5～最新\"/>
    </mc:Choice>
  </mc:AlternateContent>
  <bookViews>
    <workbookView xWindow="0" yWindow="0" windowWidth="24000" windowHeight="9750" activeTab="1"/>
  </bookViews>
  <sheets>
    <sheet name="様式" sheetId="3" r:id="rId1"/>
    <sheet name="記載例" sheetId="4" r:id="rId2"/>
  </sheets>
  <definedNames>
    <definedName name="_xlnm.Print_Area" localSheetId="1">記載例!$A$1:$K$40</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82" uniqueCount="49">
  <si>
    <t>日　　付</t>
    <rPh sb="0" eb="1">
      <t>ヒ</t>
    </rPh>
    <rPh sb="3" eb="4">
      <t>ヅケ</t>
    </rPh>
    <phoneticPr fontId="2"/>
  </si>
  <si>
    <t>処　理　欄</t>
    <rPh sb="0" eb="1">
      <t>トコロ</t>
    </rPh>
    <rPh sb="2" eb="3">
      <t>リ</t>
    </rPh>
    <rPh sb="4" eb="5">
      <t>ラン</t>
    </rPh>
    <phoneticPr fontId="2"/>
  </si>
  <si>
    <t>　＊ 記 入 不 要</t>
    <rPh sb="3" eb="4">
      <t>キ</t>
    </rPh>
    <rPh sb="5" eb="6">
      <t>イリ</t>
    </rPh>
    <rPh sb="7" eb="8">
      <t>フ</t>
    </rPh>
    <rPh sb="9" eb="10">
      <t>ヨウ</t>
    </rPh>
    <phoneticPr fontId="2"/>
  </si>
  <si>
    <t>納税義務者</t>
    <rPh sb="0" eb="2">
      <t>ノウゼイ</t>
    </rPh>
    <rPh sb="2" eb="5">
      <t>ギムシャ</t>
    </rPh>
    <phoneticPr fontId="2"/>
  </si>
  <si>
    <t>【自宅・勤務先・携帯】</t>
    <rPh sb="1" eb="3">
      <t>ジタク</t>
    </rPh>
    <rPh sb="4" eb="7">
      <t>キンムサキ</t>
    </rPh>
    <rPh sb="8" eb="10">
      <t>ケイタイ</t>
    </rPh>
    <phoneticPr fontId="2"/>
  </si>
  <si>
    <t>連絡先</t>
    <rPh sb="0" eb="3">
      <t>レンラクサキ</t>
    </rPh>
    <phoneticPr fontId="2"/>
  </si>
  <si>
    <t>通知書番号</t>
    <rPh sb="0" eb="5">
      <t>ツウチショ</t>
    </rPh>
    <phoneticPr fontId="2"/>
  </si>
  <si>
    <t>　納税通知書の送付先を変更したいので､次のとおり届出ます。なお、今後この届出並びにこの届出に関する物件について紛争等があった場合は、当事者間にて解決するものとします。</t>
    <rPh sb="1" eb="6">
      <t>ノウゼイツウチショ</t>
    </rPh>
    <rPh sb="7" eb="10">
      <t>ソウフサキ</t>
    </rPh>
    <rPh sb="11" eb="13">
      <t>ヘンコウ</t>
    </rPh>
    <rPh sb="19" eb="20">
      <t>ツギ</t>
    </rPh>
    <rPh sb="24" eb="25">
      <t>トド</t>
    </rPh>
    <rPh sb="25" eb="26">
      <t>デ</t>
    </rPh>
    <rPh sb="36" eb="37">
      <t>トドケ</t>
    </rPh>
    <rPh sb="37" eb="38">
      <t>デ</t>
    </rPh>
    <rPh sb="38" eb="39">
      <t>ナラ</t>
    </rPh>
    <phoneticPr fontId="2"/>
  </si>
  <si>
    <t>住所又は所在地</t>
    <rPh sb="0" eb="1">
      <t>ジュウ</t>
    </rPh>
    <rPh sb="1" eb="2">
      <t>ショ</t>
    </rPh>
    <rPh sb="2" eb="3">
      <t>マタ</t>
    </rPh>
    <rPh sb="4" eb="7">
      <t>ショザイチ</t>
    </rPh>
    <phoneticPr fontId="2"/>
  </si>
  <si>
    <t>（宛先）富山市長</t>
    <rPh sb="1" eb="2">
      <t>ア</t>
    </rPh>
    <rPh sb="2" eb="3">
      <t>サキ</t>
    </rPh>
    <rPh sb="4" eb="5">
      <t>トミ</t>
    </rPh>
    <rPh sb="5" eb="6">
      <t>ヤマ</t>
    </rPh>
    <rPh sb="6" eb="7">
      <t>シ</t>
    </rPh>
    <rPh sb="7" eb="8">
      <t>チョウ</t>
    </rPh>
    <phoneticPr fontId="2"/>
  </si>
  <si>
    <t>令和　　　　年　　　　月　　　　日</t>
    <rPh sb="0" eb="2">
      <t>レイワ</t>
    </rPh>
    <rPh sb="6" eb="7">
      <t>ネン</t>
    </rPh>
    <rPh sb="11" eb="12">
      <t>ツキ</t>
    </rPh>
    <rPh sb="16" eb="17">
      <t>ヒ</t>
    </rPh>
    <phoneticPr fontId="2"/>
  </si>
  <si>
    <t>送　　付　　先　　変　　更　　届</t>
    <rPh sb="0" eb="1">
      <t>ソウ</t>
    </rPh>
    <rPh sb="3" eb="4">
      <t>ヅケ</t>
    </rPh>
    <rPh sb="6" eb="7">
      <t>サキ</t>
    </rPh>
    <rPh sb="9" eb="10">
      <t>ヘン</t>
    </rPh>
    <rPh sb="12" eb="13">
      <t>サラ</t>
    </rPh>
    <rPh sb="15" eb="16">
      <t>トドケ</t>
    </rPh>
    <phoneticPr fontId="2"/>
  </si>
  <si>
    <t>　　立山　一郎</t>
    <rPh sb="2" eb="4">
      <t>タテヤマ</t>
    </rPh>
    <rPh sb="5" eb="7">
      <t>イチロウ</t>
    </rPh>
    <phoneticPr fontId="2"/>
  </si>
  <si>
    <t>富山市新桜町○番○○号</t>
    <rPh sb="0" eb="3">
      <t>トヤマシ</t>
    </rPh>
    <rPh sb="3" eb="6">
      <t>シンサクラマチ</t>
    </rPh>
    <rPh sb="7" eb="8">
      <t>バン</t>
    </rPh>
    <rPh sb="10" eb="11">
      <t>ゴウ</t>
    </rPh>
    <phoneticPr fontId="2"/>
  </si>
  <si>
    <t>〒</t>
    <phoneticPr fontId="2"/>
  </si>
  <si>
    <t>現在の送付先</t>
    <rPh sb="0" eb="2">
      <t>ゲンザイ</t>
    </rPh>
    <rPh sb="3" eb="6">
      <t>ソウフサキ</t>
    </rPh>
    <phoneticPr fontId="2"/>
  </si>
  <si>
    <t>新たな送付先</t>
    <rPh sb="0" eb="1">
      <t>アラ</t>
    </rPh>
    <rPh sb="3" eb="6">
      <t>ソウフサキ</t>
    </rPh>
    <phoneticPr fontId="2"/>
  </si>
  <si>
    <t>変更理由</t>
    <rPh sb="0" eb="2">
      <t>ヘンコウ</t>
    </rPh>
    <rPh sb="2" eb="4">
      <t>リユウ</t>
    </rPh>
    <phoneticPr fontId="2"/>
  </si>
  <si>
    <t>内容</t>
    <rPh sb="0" eb="2">
      <t>ナイヨウ</t>
    </rPh>
    <phoneticPr fontId="2"/>
  </si>
  <si>
    <t>　・　　　・　</t>
    <phoneticPr fontId="2"/>
  </si>
  <si>
    <t>氏名又は名称</t>
    <rPh sb="0" eb="2">
      <t>シメイ</t>
    </rPh>
    <rPh sb="2" eb="3">
      <t>マタ</t>
    </rPh>
    <rPh sb="4" eb="6">
      <t>メイショウ</t>
    </rPh>
    <phoneticPr fontId="2"/>
  </si>
  <si>
    <t>納税義務者との関係</t>
    <rPh sb="0" eb="5">
      <t>ノウゼイギムシャ</t>
    </rPh>
    <rPh sb="7" eb="9">
      <t>カンケイ</t>
    </rPh>
    <phoneticPr fontId="2"/>
  </si>
  <si>
    <t>届　出　人
（納税義務者）</t>
    <rPh sb="0" eb="1">
      <t>トドケ</t>
    </rPh>
    <rPh sb="2" eb="3">
      <t>デ</t>
    </rPh>
    <rPh sb="4" eb="5">
      <t>ニン</t>
    </rPh>
    <rPh sb="7" eb="12">
      <t>ノウゼイギムシャ</t>
    </rPh>
    <phoneticPr fontId="2"/>
  </si>
  <si>
    <t>新たな受取人</t>
    <rPh sb="0" eb="1">
      <t>アラ</t>
    </rPh>
    <rPh sb="3" eb="6">
      <t>ウケトリニン</t>
    </rPh>
    <phoneticPr fontId="2"/>
  </si>
  <si>
    <t>必ず記入してください</t>
    <rPh sb="0" eb="1">
      <t>カナラ</t>
    </rPh>
    <rPh sb="2" eb="4">
      <t>キニュウ</t>
    </rPh>
    <phoneticPr fontId="2"/>
  </si>
  <si>
    <t>本人　・　その他（　　　　　）</t>
    <rPh sb="0" eb="2">
      <t>ホンニン</t>
    </rPh>
    <rPh sb="7" eb="8">
      <t>タ</t>
    </rPh>
    <phoneticPr fontId="2"/>
  </si>
  <si>
    <t>住所</t>
    <rPh sb="0" eb="2">
      <t>ジュウショ</t>
    </rPh>
    <phoneticPr fontId="2"/>
  </si>
  <si>
    <t>氏名</t>
    <rPh sb="0" eb="2">
      <t>シメイ</t>
    </rPh>
    <phoneticPr fontId="2"/>
  </si>
  <si>
    <t>納税義務者からみた関係　（　　　　　　　　　　　　）</t>
    <rPh sb="0" eb="5">
      <t>ノウゼイギムシャ</t>
    </rPh>
    <rPh sb="9" eb="11">
      <t>カンケイ</t>
    </rPh>
    <phoneticPr fontId="2"/>
  </si>
  <si>
    <t>□　引っ越したため</t>
    <rPh sb="2" eb="3">
      <t>ヒ</t>
    </rPh>
    <rPh sb="4" eb="5">
      <t>コ</t>
    </rPh>
    <phoneticPr fontId="2"/>
  </si>
  <si>
    <r>
      <t>本人　・　その他（　　</t>
    </r>
    <r>
      <rPr>
        <b/>
        <sz val="12"/>
        <rFont val="ＭＳ Ｐゴシック"/>
        <family val="3"/>
        <charset val="128"/>
      </rPr>
      <t>子</t>
    </r>
    <r>
      <rPr>
        <sz val="12"/>
        <rFont val="ＭＳ Ｐゴシック"/>
        <family val="3"/>
        <charset val="128"/>
      </rPr>
      <t>　　）</t>
    </r>
    <rPh sb="0" eb="2">
      <t>ホンニン</t>
    </rPh>
    <rPh sb="7" eb="8">
      <t>タ</t>
    </rPh>
    <rPh sb="11" eb="12">
      <t>コ</t>
    </rPh>
    <phoneticPr fontId="2"/>
  </si>
  <si>
    <t>987654321</t>
    <phoneticPr fontId="2"/>
  </si>
  <si>
    <t>富山市新桜町〇番〇号</t>
    <rPh sb="0" eb="3">
      <t>トヤマシ</t>
    </rPh>
    <rPh sb="3" eb="6">
      <t>シンサクラマチ</t>
    </rPh>
    <rPh sb="7" eb="8">
      <t>バン</t>
    </rPh>
    <rPh sb="9" eb="10">
      <t>ゴウ</t>
    </rPh>
    <phoneticPr fontId="2"/>
  </si>
  <si>
    <t>〒</t>
    <phoneticPr fontId="2"/>
  </si>
  <si>
    <t>立山　一郎</t>
    <rPh sb="0" eb="2">
      <t>タテヤマ</t>
    </rPh>
    <rPh sb="3" eb="5">
      <t>イチロウ</t>
    </rPh>
    <phoneticPr fontId="2"/>
  </si>
  <si>
    <t>　　　　－　　　　　－　　　　</t>
    <phoneticPr fontId="2"/>
  </si>
  <si>
    <t>930-0005</t>
    <phoneticPr fontId="2"/>
  </si>
  <si>
    <t>930-0138</t>
    <phoneticPr fontId="2"/>
  </si>
  <si>
    <t>富山市呉羽町〇〇〇〇番地</t>
    <rPh sb="0" eb="3">
      <t>トヤマシ</t>
    </rPh>
    <rPh sb="3" eb="6">
      <t>クレハマチ</t>
    </rPh>
    <rPh sb="10" eb="12">
      <t>バンチ</t>
    </rPh>
    <phoneticPr fontId="2"/>
  </si>
  <si>
    <r>
      <t>納税義務者からみた関係　（　　　　　　</t>
    </r>
    <r>
      <rPr>
        <b/>
        <sz val="11"/>
        <rFont val="ＭＳ Ｐゴシック"/>
        <family val="3"/>
        <charset val="128"/>
      </rPr>
      <t>子</t>
    </r>
    <r>
      <rPr>
        <sz val="11"/>
        <rFont val="ＭＳ Ｐゴシック"/>
        <family val="3"/>
        <charset val="128"/>
      </rPr>
      <t>　　　　　）</t>
    </r>
    <rPh sb="0" eb="5">
      <t>ノウゼイギムシャ</t>
    </rPh>
    <rPh sb="9" eb="11">
      <t>カンケイ</t>
    </rPh>
    <rPh sb="19" eb="20">
      <t>コ</t>
    </rPh>
    <phoneticPr fontId="2"/>
  </si>
  <si>
    <r>
      <rPr>
        <b/>
        <sz val="12"/>
        <rFont val="ＭＳ Ｐゴシック"/>
        <family val="3"/>
        <charset val="128"/>
      </rPr>
      <t>０９０</t>
    </r>
    <r>
      <rPr>
        <sz val="12"/>
        <rFont val="ＭＳ Ｐゴシック"/>
        <family val="3"/>
        <charset val="128"/>
      </rPr>
      <t>－</t>
    </r>
    <r>
      <rPr>
        <b/>
        <sz val="12"/>
        <rFont val="ＭＳ Ｐゴシック"/>
        <family val="3"/>
        <charset val="128"/>
      </rPr>
      <t>１２３４</t>
    </r>
    <r>
      <rPr>
        <sz val="12"/>
        <rFont val="ＭＳ Ｐゴシック"/>
        <family val="3"/>
        <charset val="128"/>
      </rPr>
      <t>－</t>
    </r>
    <r>
      <rPr>
        <b/>
        <sz val="12"/>
        <rFont val="ＭＳ Ｐゴシック"/>
        <family val="3"/>
        <charset val="128"/>
      </rPr>
      <t>５６７８</t>
    </r>
    <phoneticPr fontId="2"/>
  </si>
  <si>
    <t>※必ず記入してください</t>
    <rPh sb="1" eb="2">
      <t>カナラ</t>
    </rPh>
    <rPh sb="3" eb="5">
      <t>キニュウ</t>
    </rPh>
    <phoneticPr fontId="2"/>
  </si>
  <si>
    <t>□　納税義務者が　令和　５　年　10　月　1　日に死亡したため</t>
    <rPh sb="2" eb="7">
      <t>ノウゼイギムシャ</t>
    </rPh>
    <rPh sb="9" eb="11">
      <t>レイワ</t>
    </rPh>
    <rPh sb="14" eb="15">
      <t>ネン</t>
    </rPh>
    <rPh sb="19" eb="20">
      <t>ガツ</t>
    </rPh>
    <rPh sb="23" eb="24">
      <t>ニチ</t>
    </rPh>
    <rPh sb="25" eb="27">
      <t>シボウ</t>
    </rPh>
    <phoneticPr fontId="2"/>
  </si>
  <si>
    <t>□　納税義務者が　　　　　　年　　　　月　　　　日に死亡したため</t>
    <rPh sb="2" eb="7">
      <t>ノウゼイギムシャ</t>
    </rPh>
    <rPh sb="14" eb="15">
      <t>ネン</t>
    </rPh>
    <rPh sb="19" eb="20">
      <t>ガツ</t>
    </rPh>
    <rPh sb="24" eb="25">
      <t>ニチ</t>
    </rPh>
    <rPh sb="26" eb="28">
      <t>シボウ</t>
    </rPh>
    <phoneticPr fontId="2"/>
  </si>
  <si>
    <t>受付
入力</t>
    <rPh sb="0" eb="2">
      <t>ウケツケ</t>
    </rPh>
    <rPh sb="3" eb="5">
      <t>ニュウリョク</t>
    </rPh>
    <phoneticPr fontId="2"/>
  </si>
  <si>
    <t>照合</t>
    <rPh sb="0" eb="2">
      <t>ショウゴウ</t>
    </rPh>
    <phoneticPr fontId="2"/>
  </si>
  <si>
    <t>資・その他（　　　　　　　　　　　　　）</t>
    <rPh sb="0" eb="1">
      <t>シ</t>
    </rPh>
    <rPh sb="4" eb="5">
      <t>タ</t>
    </rPh>
    <phoneticPr fontId="2"/>
  </si>
  <si>
    <t>取　　扱　　部　　署</t>
    <rPh sb="0" eb="1">
      <t>トリ</t>
    </rPh>
    <rPh sb="3" eb="4">
      <t>アツカイ</t>
    </rPh>
    <rPh sb="6" eb="7">
      <t>ブ</t>
    </rPh>
    <rPh sb="9" eb="10">
      <t>ショ</t>
    </rPh>
    <phoneticPr fontId="2"/>
  </si>
  <si>
    <t>取　　扱　　者</t>
    <rPh sb="0" eb="1">
      <t>トリ</t>
    </rPh>
    <rPh sb="3" eb="4">
      <t>アツカイ</t>
    </rPh>
    <rPh sb="6" eb="7">
      <t>シャ</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4" x14ac:knownFonts="1">
    <font>
      <sz val="11"/>
      <name val="ＭＳ Ｐゴシック"/>
      <family val="3"/>
      <charset val="128"/>
    </font>
    <font>
      <sz val="11"/>
      <name val="ＭＳ Ｐゴシック"/>
      <family val="3"/>
      <charset val="128"/>
    </font>
    <font>
      <sz val="6"/>
      <name val="ＭＳ Ｐゴシック"/>
      <family val="3"/>
      <charset val="128"/>
    </font>
    <font>
      <sz val="12"/>
      <name val="ＭＳ Ｐゴシック"/>
      <family val="3"/>
      <charset val="128"/>
    </font>
    <font>
      <sz val="10"/>
      <name val="ＭＳ Ｐゴシック"/>
      <family val="3"/>
      <charset val="128"/>
    </font>
    <font>
      <b/>
      <sz val="20"/>
      <name val="ＭＳ Ｐゴシック"/>
      <family val="3"/>
      <charset val="128"/>
    </font>
    <font>
      <sz val="12"/>
      <name val="ＭＳ ゴシック"/>
      <family val="3"/>
      <charset val="128"/>
    </font>
    <font>
      <sz val="8"/>
      <name val="ＭＳ Ｐゴシック"/>
      <family val="3"/>
      <charset val="128"/>
    </font>
    <font>
      <sz val="14"/>
      <name val="ＭＳ Ｐゴシック"/>
      <family val="3"/>
      <charset val="128"/>
    </font>
    <font>
      <sz val="20"/>
      <name val="ＭＳ Ｐゴシック"/>
      <family val="3"/>
      <charset val="128"/>
    </font>
    <font>
      <b/>
      <sz val="14"/>
      <name val="ＭＳ Ｐゴシック"/>
      <family val="3"/>
      <charset val="128"/>
    </font>
    <font>
      <b/>
      <sz val="12"/>
      <name val="ＭＳ Ｐゴシック"/>
      <family val="3"/>
      <charset val="128"/>
    </font>
    <font>
      <sz val="9"/>
      <name val="ＭＳ Ｐゴシック"/>
      <family val="3"/>
      <charset val="128"/>
    </font>
    <font>
      <b/>
      <sz val="11"/>
      <name val="ＭＳ Ｐゴシック"/>
      <family val="3"/>
      <charset val="128"/>
    </font>
  </fonts>
  <fills count="2">
    <fill>
      <patternFill patternType="none"/>
    </fill>
    <fill>
      <patternFill patternType="gray125"/>
    </fill>
  </fills>
  <borders count="32">
    <border>
      <left/>
      <right/>
      <top/>
      <bottom/>
      <diagonal/>
    </border>
    <border>
      <left style="thin">
        <color indexed="64"/>
      </left>
      <right style="thin">
        <color indexed="64"/>
      </right>
      <top style="thin">
        <color indexed="64"/>
      </top>
      <bottom style="thin">
        <color indexed="64"/>
      </bottom>
      <diagonal/>
    </border>
    <border>
      <left/>
      <right/>
      <top style="mediumDashed">
        <color indexed="64"/>
      </top>
      <bottom/>
      <diagonal/>
    </border>
    <border>
      <left/>
      <right/>
      <top/>
      <bottom style="mediumDashed">
        <color indexed="64"/>
      </bottom>
      <diagonal/>
    </border>
    <border>
      <left/>
      <right/>
      <top/>
      <bottom style="dashed">
        <color indexed="64"/>
      </bottom>
      <diagonal/>
    </border>
    <border>
      <left/>
      <right/>
      <top style="dashed">
        <color indexed="64"/>
      </top>
      <bottom/>
      <diagonal/>
    </border>
    <border>
      <left/>
      <right/>
      <top style="thin">
        <color indexed="64"/>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right/>
      <top style="dashed">
        <color indexed="64"/>
      </top>
      <bottom style="dashed">
        <color indexed="64"/>
      </bottom>
      <diagonal/>
    </border>
    <border>
      <left style="thin">
        <color indexed="64"/>
      </left>
      <right style="thin">
        <color indexed="64"/>
      </right>
      <top/>
      <bottom/>
      <diagonal/>
    </border>
    <border>
      <left style="thin">
        <color indexed="64"/>
      </left>
      <right/>
      <top/>
      <bottom/>
      <diagonal/>
    </border>
    <border>
      <left/>
      <right style="thin">
        <color indexed="64"/>
      </right>
      <top/>
      <bottom/>
      <diagonal/>
    </border>
    <border>
      <left style="medium">
        <color indexed="64"/>
      </left>
      <right style="thin">
        <color indexed="64"/>
      </right>
      <top style="medium">
        <color indexed="64"/>
      </top>
      <bottom/>
      <diagonal/>
    </border>
    <border>
      <left style="thin">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style="thin">
        <color indexed="64"/>
      </right>
      <top/>
      <bottom/>
      <diagonal/>
    </border>
    <border>
      <left/>
      <right style="medium">
        <color indexed="64"/>
      </right>
      <top style="thin">
        <color indexed="64"/>
      </top>
      <bottom/>
      <diagonal/>
    </border>
    <border>
      <left style="medium">
        <color indexed="64"/>
      </left>
      <right style="thin">
        <color indexed="64"/>
      </right>
      <top/>
      <bottom style="thin">
        <color indexed="64"/>
      </bottom>
      <diagonal/>
    </border>
    <border>
      <left/>
      <right style="medium">
        <color indexed="64"/>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medium">
        <color indexed="64"/>
      </top>
      <bottom/>
      <diagonal/>
    </border>
    <border>
      <left/>
      <right style="thin">
        <color indexed="64"/>
      </right>
      <top style="medium">
        <color indexed="64"/>
      </top>
      <bottom/>
      <diagonal/>
    </border>
  </borders>
  <cellStyleXfs count="1">
    <xf numFmtId="0" fontId="0" fillId="0" borderId="0">
      <alignment vertical="center"/>
    </xf>
  </cellStyleXfs>
  <cellXfs count="115">
    <xf numFmtId="0" fontId="0" fillId="0" borderId="0" xfId="0">
      <alignment vertical="center"/>
    </xf>
    <xf numFmtId="0" fontId="3" fillId="0" borderId="0" xfId="0" applyFont="1">
      <alignment vertical="center"/>
    </xf>
    <xf numFmtId="0" fontId="3" fillId="0" borderId="0" xfId="0" applyFont="1" applyBorder="1">
      <alignment vertical="center"/>
    </xf>
    <xf numFmtId="0" fontId="3" fillId="0" borderId="0" xfId="0" applyFont="1" applyBorder="1" applyAlignment="1">
      <alignment horizontal="left" vertical="center"/>
    </xf>
    <xf numFmtId="0" fontId="3" fillId="0" borderId="3" xfId="0" applyFont="1" applyBorder="1" applyAlignment="1">
      <alignment horizontal="left" vertical="center"/>
    </xf>
    <xf numFmtId="0" fontId="3" fillId="0" borderId="3" xfId="0" applyFont="1" applyBorder="1">
      <alignment vertical="center"/>
    </xf>
    <xf numFmtId="0" fontId="1" fillId="0" borderId="0" xfId="0" applyFont="1" applyBorder="1" applyAlignment="1">
      <alignment horizontal="left" vertical="center"/>
    </xf>
    <xf numFmtId="0" fontId="3" fillId="0" borderId="4" xfId="0" applyFont="1" applyBorder="1" applyAlignment="1">
      <alignment horizontal="right" vertical="center"/>
    </xf>
    <xf numFmtId="0" fontId="3" fillId="0" borderId="4" xfId="0" applyFont="1" applyBorder="1" applyAlignment="1">
      <alignment vertical="center"/>
    </xf>
    <xf numFmtId="0" fontId="3" fillId="0" borderId="4" xfId="0" applyFont="1" applyBorder="1" applyAlignment="1">
      <alignment horizontal="distributed" vertical="center"/>
    </xf>
    <xf numFmtId="0" fontId="3" fillId="0" borderId="5" xfId="0" applyFont="1" applyBorder="1" applyAlignment="1">
      <alignment horizontal="left" vertical="center"/>
    </xf>
    <xf numFmtId="0" fontId="3" fillId="0" borderId="0" xfId="0" applyFont="1" applyBorder="1" applyAlignment="1">
      <alignment vertical="center"/>
    </xf>
    <xf numFmtId="0" fontId="3" fillId="0" borderId="11" xfId="0" applyFont="1" applyBorder="1">
      <alignment vertical="center"/>
    </xf>
    <xf numFmtId="0" fontId="3" fillId="0" borderId="6" xfId="0" applyFont="1" applyBorder="1">
      <alignment vertical="center"/>
    </xf>
    <xf numFmtId="0" fontId="3" fillId="0" borderId="17" xfId="0" applyFont="1" applyBorder="1" applyAlignment="1">
      <alignment horizontal="right" vertical="center"/>
    </xf>
    <xf numFmtId="0" fontId="3" fillId="0" borderId="17" xfId="0" applyFont="1" applyBorder="1" applyAlignment="1">
      <alignment vertical="center"/>
    </xf>
    <xf numFmtId="0" fontId="7" fillId="0" borderId="17" xfId="0" applyFont="1" applyBorder="1" applyAlignment="1">
      <alignment horizontal="distributed" vertical="center" wrapText="1"/>
    </xf>
    <xf numFmtId="0" fontId="7" fillId="0" borderId="4" xfId="0" applyFont="1" applyBorder="1" applyAlignment="1">
      <alignment vertical="center"/>
    </xf>
    <xf numFmtId="0" fontId="3" fillId="0" borderId="0" xfId="0" applyFont="1" applyAlignment="1">
      <alignment horizontal="center" vertical="center"/>
    </xf>
    <xf numFmtId="0" fontId="3" fillId="0" borderId="0" xfId="0" applyFont="1" applyBorder="1" applyAlignment="1">
      <alignment horizontal="center" vertical="center"/>
    </xf>
    <xf numFmtId="0" fontId="3" fillId="0" borderId="17" xfId="0" applyFont="1" applyBorder="1" applyAlignment="1">
      <alignment horizontal="center" vertical="center" shrinkToFit="1"/>
    </xf>
    <xf numFmtId="49" fontId="3" fillId="0" borderId="15" xfId="0" applyNumberFormat="1" applyFont="1" applyBorder="1" applyAlignment="1">
      <alignment horizontal="left" vertical="center"/>
    </xf>
    <xf numFmtId="49" fontId="5" fillId="0" borderId="6" xfId="0" applyNumberFormat="1" applyFont="1" applyBorder="1" applyAlignment="1">
      <alignment horizontal="center" vertical="center"/>
    </xf>
    <xf numFmtId="49" fontId="5" fillId="0" borderId="14" xfId="0" applyNumberFormat="1" applyFont="1" applyBorder="1" applyAlignment="1">
      <alignment horizontal="center" vertical="center"/>
    </xf>
    <xf numFmtId="0" fontId="3" fillId="0" borderId="0" xfId="0" applyFont="1" applyBorder="1" applyAlignment="1">
      <alignment horizontal="center" vertical="center"/>
    </xf>
    <xf numFmtId="0" fontId="3" fillId="0" borderId="0" xfId="0" applyFont="1" applyAlignment="1">
      <alignment horizontal="center" vertical="center"/>
    </xf>
    <xf numFmtId="0" fontId="3" fillId="0" borderId="0" xfId="0" applyFont="1" applyBorder="1" applyAlignment="1">
      <alignment horizontal="center" vertical="center"/>
    </xf>
    <xf numFmtId="49" fontId="5" fillId="0" borderId="15" xfId="0" applyNumberFormat="1" applyFont="1" applyBorder="1" applyAlignment="1">
      <alignment horizontal="center" vertical="center"/>
    </xf>
    <xf numFmtId="0" fontId="1" fillId="0" borderId="1" xfId="0" applyFont="1" applyBorder="1" applyAlignment="1">
      <alignment horizontal="distributed" vertical="center"/>
    </xf>
    <xf numFmtId="49" fontId="5" fillId="0" borderId="19" xfId="0" applyNumberFormat="1" applyFont="1" applyBorder="1" applyAlignment="1">
      <alignment horizontal="center" vertical="center"/>
    </xf>
    <xf numFmtId="49" fontId="5" fillId="0" borderId="0" xfId="0" applyNumberFormat="1" applyFont="1" applyBorder="1" applyAlignment="1">
      <alignment horizontal="center" vertical="center"/>
    </xf>
    <xf numFmtId="49" fontId="5" fillId="0" borderId="20" xfId="0" applyNumberFormat="1" applyFont="1" applyBorder="1" applyAlignment="1">
      <alignment horizontal="center" vertical="center"/>
    </xf>
    <xf numFmtId="0" fontId="0" fillId="0" borderId="11" xfId="0" applyBorder="1" applyAlignment="1">
      <alignment horizontal="center" vertical="center"/>
    </xf>
    <xf numFmtId="0" fontId="3" fillId="0" borderId="11" xfId="0" applyFont="1" applyBorder="1" applyAlignment="1">
      <alignment vertical="center"/>
    </xf>
    <xf numFmtId="0" fontId="0" fillId="0" borderId="11" xfId="0" applyBorder="1" applyAlignment="1">
      <alignment vertical="center"/>
    </xf>
    <xf numFmtId="0" fontId="0" fillId="0" borderId="10" xfId="0" applyBorder="1" applyAlignment="1">
      <alignment vertical="center"/>
    </xf>
    <xf numFmtId="49" fontId="5" fillId="0" borderId="23" xfId="0" applyNumberFormat="1" applyFont="1" applyBorder="1" applyAlignment="1">
      <alignment horizontal="center" vertical="center"/>
    </xf>
    <xf numFmtId="49" fontId="5" fillId="0" borderId="24" xfId="0" applyNumberFormat="1" applyFont="1" applyBorder="1" applyAlignment="1">
      <alignment horizontal="center" vertical="center"/>
    </xf>
    <xf numFmtId="0" fontId="3" fillId="0" borderId="28" xfId="0" applyFont="1" applyBorder="1" applyAlignment="1">
      <alignment horizontal="center" vertical="center"/>
    </xf>
    <xf numFmtId="49" fontId="3" fillId="0" borderId="6" xfId="0" applyNumberFormat="1" applyFont="1" applyBorder="1" applyAlignment="1">
      <alignment horizontal="left" vertical="center"/>
    </xf>
    <xf numFmtId="49" fontId="3" fillId="0" borderId="23" xfId="0" applyNumberFormat="1" applyFont="1" applyBorder="1" applyAlignment="1">
      <alignment horizontal="left" vertical="center"/>
    </xf>
    <xf numFmtId="0" fontId="3" fillId="0" borderId="10" xfId="0" applyFont="1" applyBorder="1" applyAlignment="1">
      <alignment vertical="center"/>
    </xf>
    <xf numFmtId="0" fontId="12" fillId="0" borderId="4" xfId="0" applyFont="1" applyBorder="1" applyAlignment="1">
      <alignment vertical="center"/>
    </xf>
    <xf numFmtId="0" fontId="12" fillId="0" borderId="17" xfId="0" applyNumberFormat="1" applyFont="1" applyBorder="1" applyAlignment="1" applyProtection="1">
      <alignment vertical="center"/>
      <protection locked="0"/>
    </xf>
    <xf numFmtId="0" fontId="12" fillId="0" borderId="17" xfId="0" applyFont="1" applyBorder="1" applyAlignment="1">
      <alignment vertical="center"/>
    </xf>
    <xf numFmtId="0" fontId="3" fillId="0" borderId="11" xfId="0" applyFont="1" applyBorder="1" applyAlignment="1">
      <alignment horizontal="center" vertical="center"/>
    </xf>
    <xf numFmtId="0" fontId="3" fillId="0" borderId="11" xfId="0" applyFont="1" applyBorder="1" applyAlignment="1">
      <alignment horizontal="center" vertical="center"/>
    </xf>
    <xf numFmtId="0" fontId="3" fillId="0" borderId="0" xfId="0" applyFont="1" applyBorder="1" applyAlignment="1">
      <alignment horizontal="center" vertical="center"/>
    </xf>
    <xf numFmtId="0" fontId="3" fillId="0" borderId="0" xfId="0" applyFont="1" applyAlignment="1">
      <alignment horizontal="center" vertical="center"/>
    </xf>
    <xf numFmtId="0" fontId="3" fillId="0" borderId="29" xfId="0" applyFont="1" applyBorder="1" applyAlignment="1">
      <alignment horizontal="distributed" vertical="center"/>
    </xf>
    <xf numFmtId="0" fontId="3" fillId="0" borderId="26" xfId="0" applyFont="1" applyBorder="1" applyAlignment="1">
      <alignment horizontal="center" vertical="center"/>
    </xf>
    <xf numFmtId="0" fontId="3" fillId="0" borderId="6" xfId="0" applyFont="1" applyBorder="1" applyAlignment="1">
      <alignment vertical="center"/>
    </xf>
    <xf numFmtId="0" fontId="0" fillId="0" borderId="6" xfId="0" applyBorder="1" applyAlignment="1">
      <alignment vertical="center"/>
    </xf>
    <xf numFmtId="0" fontId="3" fillId="0" borderId="26" xfId="0" applyFont="1" applyBorder="1" applyAlignment="1">
      <alignment vertical="center"/>
    </xf>
    <xf numFmtId="0" fontId="12" fillId="0" borderId="6" xfId="0" applyFont="1" applyBorder="1" applyAlignment="1">
      <alignment vertical="center"/>
    </xf>
    <xf numFmtId="0" fontId="0" fillId="0" borderId="0" xfId="0" applyBorder="1" applyAlignment="1">
      <alignment horizontal="center" vertical="center"/>
    </xf>
    <xf numFmtId="0" fontId="3" fillId="0" borderId="23" xfId="0" applyFont="1" applyBorder="1" applyAlignment="1">
      <alignment horizontal="center" vertical="center"/>
    </xf>
    <xf numFmtId="0" fontId="0" fillId="0" borderId="23" xfId="0" applyBorder="1" applyAlignment="1">
      <alignment horizontal="center" vertical="center"/>
    </xf>
    <xf numFmtId="0" fontId="3" fillId="0" borderId="31" xfId="0" applyFont="1" applyBorder="1" applyAlignment="1">
      <alignment horizontal="center" vertical="center"/>
    </xf>
    <xf numFmtId="0" fontId="3" fillId="0" borderId="20" xfId="0" applyFont="1" applyBorder="1" applyAlignment="1">
      <alignment horizontal="center" vertical="center"/>
    </xf>
    <xf numFmtId="0" fontId="3" fillId="0" borderId="22" xfId="0" applyFont="1" applyBorder="1" applyAlignment="1">
      <alignment vertical="center"/>
    </xf>
    <xf numFmtId="0" fontId="3" fillId="0" borderId="19" xfId="0" applyFont="1" applyBorder="1" applyAlignment="1">
      <alignment vertical="center"/>
    </xf>
    <xf numFmtId="0" fontId="7" fillId="0" borderId="12" xfId="0" applyFont="1" applyBorder="1" applyAlignment="1">
      <alignment vertical="top"/>
    </xf>
    <xf numFmtId="0" fontId="12" fillId="0" borderId="11" xfId="0" applyFont="1" applyBorder="1" applyAlignment="1">
      <alignment vertical="center"/>
    </xf>
    <xf numFmtId="0" fontId="3" fillId="0" borderId="28" xfId="0" applyFont="1" applyBorder="1" applyAlignment="1">
      <alignment vertical="center"/>
    </xf>
    <xf numFmtId="0" fontId="3" fillId="0" borderId="15" xfId="0" applyFont="1" applyBorder="1" applyAlignment="1">
      <alignment horizontal="center" vertical="center"/>
    </xf>
    <xf numFmtId="0" fontId="3" fillId="0" borderId="12" xfId="0" applyFont="1" applyBorder="1" applyAlignment="1">
      <alignment horizontal="center" vertical="center"/>
    </xf>
    <xf numFmtId="0" fontId="11" fillId="0" borderId="4" xfId="0" applyFont="1" applyBorder="1" applyAlignment="1">
      <alignment vertical="center"/>
    </xf>
    <xf numFmtId="0" fontId="11" fillId="0" borderId="17" xfId="0" applyFont="1" applyBorder="1" applyAlignment="1">
      <alignment vertical="center"/>
    </xf>
    <xf numFmtId="49" fontId="10" fillId="0" borderId="6" xfId="0" applyNumberFormat="1" applyFont="1" applyBorder="1" applyAlignment="1">
      <alignment vertical="center"/>
    </xf>
    <xf numFmtId="0" fontId="3" fillId="0" borderId="15" xfId="0" applyFont="1" applyBorder="1">
      <alignment vertical="center"/>
    </xf>
    <xf numFmtId="49" fontId="11" fillId="0" borderId="23" xfId="0" applyNumberFormat="1" applyFont="1" applyBorder="1" applyAlignment="1">
      <alignment vertical="center"/>
    </xf>
    <xf numFmtId="49" fontId="11" fillId="0" borderId="6" xfId="0" applyNumberFormat="1" applyFont="1" applyBorder="1" applyAlignment="1">
      <alignment horizontal="left" vertical="center"/>
    </xf>
    <xf numFmtId="0" fontId="10" fillId="0" borderId="6" xfId="0" applyFont="1" applyBorder="1">
      <alignment vertical="center"/>
    </xf>
    <xf numFmtId="0" fontId="10" fillId="0" borderId="6" xfId="0" applyFont="1" applyBorder="1" applyAlignment="1">
      <alignment vertical="center"/>
    </xf>
    <xf numFmtId="0" fontId="3" fillId="0" borderId="15" xfId="0" applyFont="1" applyBorder="1" applyAlignment="1">
      <alignment horizontal="center" vertical="center"/>
    </xf>
    <xf numFmtId="0" fontId="3" fillId="0" borderId="12" xfId="0" applyFont="1" applyBorder="1" applyAlignment="1">
      <alignment horizontal="center" vertical="center"/>
    </xf>
    <xf numFmtId="0" fontId="4" fillId="0" borderId="6" xfId="0" applyFont="1" applyBorder="1" applyAlignment="1">
      <alignment vertical="center"/>
    </xf>
    <xf numFmtId="0" fontId="4" fillId="0" borderId="14" xfId="0" applyFont="1" applyBorder="1" applyAlignment="1">
      <alignment vertical="center"/>
    </xf>
    <xf numFmtId="0" fontId="3" fillId="0" borderId="9" xfId="0" applyFont="1" applyBorder="1" applyAlignment="1">
      <alignment horizontal="center" vertical="center"/>
    </xf>
    <xf numFmtId="0" fontId="3" fillId="0" borderId="8" xfId="0" applyFont="1" applyBorder="1" applyAlignment="1">
      <alignment horizontal="center" vertical="center"/>
    </xf>
    <xf numFmtId="0" fontId="3" fillId="0" borderId="7" xfId="0" applyFont="1" applyBorder="1" applyAlignment="1">
      <alignment horizontal="center" vertical="center"/>
    </xf>
    <xf numFmtId="0" fontId="3" fillId="0" borderId="15" xfId="0" applyFont="1" applyBorder="1" applyAlignment="1">
      <alignment horizontal="center" vertical="center"/>
    </xf>
    <xf numFmtId="0" fontId="3" fillId="0" borderId="6" xfId="0" applyFont="1" applyBorder="1" applyAlignment="1">
      <alignment horizontal="center" vertical="center"/>
    </xf>
    <xf numFmtId="0" fontId="3" fillId="0" borderId="14" xfId="0" applyFont="1" applyBorder="1" applyAlignment="1">
      <alignment horizontal="center" vertical="center"/>
    </xf>
    <xf numFmtId="0" fontId="3" fillId="0" borderId="12" xfId="0" applyFont="1" applyBorder="1" applyAlignment="1">
      <alignment horizontal="center" vertical="center"/>
    </xf>
    <xf numFmtId="0" fontId="3" fillId="0" borderId="10" xfId="0" applyFont="1" applyBorder="1" applyAlignment="1">
      <alignment horizontal="center" vertical="center"/>
    </xf>
    <xf numFmtId="0" fontId="3" fillId="0" borderId="16" xfId="0" applyFont="1" applyBorder="1" applyAlignment="1">
      <alignment horizontal="center" vertical="center"/>
    </xf>
    <xf numFmtId="0" fontId="3" fillId="0" borderId="13" xfId="0" applyFont="1" applyBorder="1" applyAlignment="1">
      <alignment horizontal="center" vertical="center"/>
    </xf>
    <xf numFmtId="0" fontId="3" fillId="0" borderId="16" xfId="0" applyFont="1" applyBorder="1" applyAlignment="1">
      <alignment horizontal="center" vertical="center" wrapText="1"/>
    </xf>
    <xf numFmtId="0" fontId="3" fillId="0" borderId="13" xfId="0" applyFont="1" applyBorder="1" applyAlignment="1">
      <alignment horizontal="center" vertical="center" wrapText="1"/>
    </xf>
    <xf numFmtId="0" fontId="3" fillId="0" borderId="30" xfId="0" applyFont="1" applyBorder="1" applyAlignment="1">
      <alignment horizontal="distributed" vertical="center"/>
    </xf>
    <xf numFmtId="0" fontId="3" fillId="0" borderId="18" xfId="0" applyFont="1" applyBorder="1" applyAlignment="1">
      <alignment horizontal="distributed" vertical="center"/>
    </xf>
    <xf numFmtId="0" fontId="3" fillId="0" borderId="13" xfId="0" applyFont="1" applyBorder="1" applyAlignment="1">
      <alignment horizontal="distributed" vertical="center"/>
    </xf>
    <xf numFmtId="49" fontId="5" fillId="0" borderId="9" xfId="0" applyNumberFormat="1" applyFont="1" applyBorder="1" applyAlignment="1">
      <alignment horizontal="center" vertical="center"/>
    </xf>
    <xf numFmtId="49" fontId="5" fillId="0" borderId="8" xfId="0" applyNumberFormat="1" applyFont="1" applyBorder="1" applyAlignment="1">
      <alignment horizontal="center" vertical="center"/>
    </xf>
    <xf numFmtId="49" fontId="5" fillId="0" borderId="7" xfId="0" applyNumberFormat="1" applyFont="1" applyBorder="1" applyAlignment="1">
      <alignment horizontal="center" vertical="center"/>
    </xf>
    <xf numFmtId="0" fontId="0" fillId="0" borderId="6" xfId="0" applyBorder="1" applyAlignment="1">
      <alignment horizontal="center" vertical="center"/>
    </xf>
    <xf numFmtId="0" fontId="0" fillId="0" borderId="16" xfId="0" applyFont="1" applyBorder="1" applyAlignment="1">
      <alignment horizontal="distributed" vertical="center"/>
    </xf>
    <xf numFmtId="0" fontId="0" fillId="0" borderId="18" xfId="0" applyFont="1" applyBorder="1" applyAlignment="1">
      <alignment horizontal="distributed" vertical="center"/>
    </xf>
    <xf numFmtId="0" fontId="3" fillId="0" borderId="0" xfId="0" applyFont="1" applyAlignment="1">
      <alignment horizontal="center" vertical="center" wrapText="1"/>
    </xf>
    <xf numFmtId="0" fontId="3" fillId="0" borderId="26" xfId="0" applyFont="1" applyBorder="1" applyAlignment="1">
      <alignment horizontal="center" vertical="center"/>
    </xf>
    <xf numFmtId="0" fontId="3" fillId="0" borderId="21" xfId="0" applyFont="1" applyBorder="1" applyAlignment="1">
      <alignment horizontal="center" vertical="center" wrapText="1"/>
    </xf>
    <xf numFmtId="0" fontId="3" fillId="0" borderId="25" xfId="0" applyFont="1" applyBorder="1" applyAlignment="1">
      <alignment horizontal="center" vertical="center" wrapText="1"/>
    </xf>
    <xf numFmtId="0" fontId="3" fillId="0" borderId="27" xfId="0" applyFont="1" applyBorder="1" applyAlignment="1">
      <alignment horizontal="center" vertical="center" wrapText="1"/>
    </xf>
    <xf numFmtId="49" fontId="3" fillId="0" borderId="30" xfId="0" applyNumberFormat="1" applyFont="1" applyBorder="1" applyAlignment="1">
      <alignment horizontal="center" vertical="center"/>
    </xf>
    <xf numFmtId="49" fontId="3" fillId="0" borderId="18" xfId="0" applyNumberFormat="1" applyFont="1" applyBorder="1" applyAlignment="1">
      <alignment horizontal="center" vertical="center"/>
    </xf>
    <xf numFmtId="49" fontId="3" fillId="0" borderId="13" xfId="0" applyNumberFormat="1" applyFont="1" applyBorder="1" applyAlignment="1">
      <alignment horizontal="center" vertical="center"/>
    </xf>
    <xf numFmtId="0" fontId="9" fillId="0" borderId="0" xfId="0" applyFont="1" applyAlignment="1">
      <alignment horizontal="center" vertical="center"/>
    </xf>
    <xf numFmtId="0" fontId="3" fillId="0" borderId="0" xfId="0" applyFont="1" applyAlignment="1">
      <alignment horizontal="center" vertical="center"/>
    </xf>
    <xf numFmtId="0" fontId="8" fillId="0" borderId="0" xfId="0" applyFont="1" applyAlignment="1">
      <alignment horizontal="center" vertical="center"/>
    </xf>
    <xf numFmtId="0" fontId="3" fillId="0" borderId="17" xfId="0" applyFont="1" applyBorder="1" applyAlignment="1">
      <alignment horizontal="center" vertical="center"/>
    </xf>
    <xf numFmtId="0" fontId="6" fillId="0" borderId="0" xfId="0" applyFont="1" applyAlignment="1">
      <alignment horizontal="left" vertical="center" wrapText="1"/>
    </xf>
    <xf numFmtId="0" fontId="3" fillId="0" borderId="2" xfId="0" applyFont="1" applyBorder="1" applyAlignment="1">
      <alignment vertical="center"/>
    </xf>
    <xf numFmtId="0" fontId="3" fillId="0" borderId="0" xfId="0" applyFont="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8</xdr:col>
      <xdr:colOff>269875</xdr:colOff>
      <xdr:row>6</xdr:row>
      <xdr:rowOff>63500</xdr:rowOff>
    </xdr:from>
    <xdr:to>
      <xdr:col>9</xdr:col>
      <xdr:colOff>336550</xdr:colOff>
      <xdr:row>6</xdr:row>
      <xdr:rowOff>292100</xdr:rowOff>
    </xdr:to>
    <xdr:sp macro="" textlink="">
      <xdr:nvSpPr>
        <xdr:cNvPr id="3" name="Oval 1"/>
        <xdr:cNvSpPr>
          <a:spLocks noChangeArrowheads="1"/>
        </xdr:cNvSpPr>
      </xdr:nvSpPr>
      <xdr:spPr bwMode="auto">
        <a:xfrm>
          <a:off x="5127625" y="2063750"/>
          <a:ext cx="590550" cy="228600"/>
        </a:xfrm>
        <a:prstGeom prst="ellipse">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xdr:col>
      <xdr:colOff>555625</xdr:colOff>
      <xdr:row>21</xdr:row>
      <xdr:rowOff>95250</xdr:rowOff>
    </xdr:from>
    <xdr:to>
      <xdr:col>4</xdr:col>
      <xdr:colOff>542925</xdr:colOff>
      <xdr:row>21</xdr:row>
      <xdr:rowOff>323850</xdr:rowOff>
    </xdr:to>
    <xdr:sp macro="" textlink="">
      <xdr:nvSpPr>
        <xdr:cNvPr id="5" name="Oval 1"/>
        <xdr:cNvSpPr>
          <a:spLocks noChangeArrowheads="1"/>
        </xdr:cNvSpPr>
      </xdr:nvSpPr>
      <xdr:spPr bwMode="auto">
        <a:xfrm>
          <a:off x="2587625" y="7096125"/>
          <a:ext cx="590550" cy="228600"/>
        </a:xfrm>
        <a:prstGeom prst="ellipse">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xdr:col>
      <xdr:colOff>1063626</xdr:colOff>
      <xdr:row>22</xdr:row>
      <xdr:rowOff>238125</xdr:rowOff>
    </xdr:from>
    <xdr:to>
      <xdr:col>2</xdr:col>
      <xdr:colOff>333376</xdr:colOff>
      <xdr:row>24</xdr:row>
      <xdr:rowOff>95251</xdr:rowOff>
    </xdr:to>
    <xdr:sp macro="" textlink="">
      <xdr:nvSpPr>
        <xdr:cNvPr id="6" name="テキスト ボックス 5"/>
        <xdr:cNvSpPr txBox="1"/>
      </xdr:nvSpPr>
      <xdr:spPr>
        <a:xfrm>
          <a:off x="1539876" y="7620000"/>
          <a:ext cx="381000" cy="36512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a:t>
          </a:r>
        </a:p>
      </xdr:txBody>
    </xdr:sp>
    <xdr:clientData/>
  </xdr:twoCellAnchor>
  <xdr:twoCellAnchor>
    <xdr:from>
      <xdr:col>0</xdr:col>
      <xdr:colOff>158750</xdr:colOff>
      <xdr:row>4</xdr:row>
      <xdr:rowOff>285750</xdr:rowOff>
    </xdr:from>
    <xdr:to>
      <xdr:col>3</xdr:col>
      <xdr:colOff>128905</xdr:colOff>
      <xdr:row>8</xdr:row>
      <xdr:rowOff>257175</xdr:rowOff>
    </xdr:to>
    <xdr:sp macro="" textlink="">
      <xdr:nvSpPr>
        <xdr:cNvPr id="8" name="AutoShape 11"/>
        <xdr:cNvSpPr>
          <a:spLocks noChangeArrowheads="1"/>
        </xdr:cNvSpPr>
      </xdr:nvSpPr>
      <xdr:spPr bwMode="auto">
        <a:xfrm>
          <a:off x="158750" y="1619250"/>
          <a:ext cx="2002155" cy="1304925"/>
        </a:xfrm>
        <a:prstGeom prst="roundRect">
          <a:avLst>
            <a:gd name="adj" fmla="val 16667"/>
          </a:avLst>
        </a:prstGeom>
        <a:solidFill>
          <a:srgbClr val="FFFFFF"/>
        </a:solidFill>
        <a:ln w="9525">
          <a:solidFill>
            <a:srgbClr val="000000"/>
          </a:solidFill>
          <a:round/>
          <a:headEnd/>
          <a:tailEnd/>
        </a:ln>
      </xdr:spPr>
      <xdr:txBody>
        <a:bodyPr vertOverflow="clip" wrap="square" lIns="27432" tIns="18288" rIns="0" bIns="0" anchor="t" upright="1"/>
        <a:lstStyle/>
        <a:p>
          <a:pPr marL="0" marR="0" lvl="0" indent="0" algn="l" defTabSz="914400" rtl="0" eaLnBrk="1" fontAlgn="auto" latinLnBrk="0" hangingPunct="1">
            <a:lnSpc>
              <a:spcPts val="1300"/>
            </a:lnSpc>
            <a:spcBef>
              <a:spcPts val="0"/>
            </a:spcBef>
            <a:spcAft>
              <a:spcPts val="0"/>
            </a:spcAft>
            <a:buClrTx/>
            <a:buSzTx/>
            <a:buFontTx/>
            <a:buNone/>
            <a:tabLst/>
            <a:defRPr sz="1000"/>
          </a:pPr>
          <a:r>
            <a:rPr kumimoji="0" lang="ja-JP" altLang="en-US" sz="1100" b="0" i="0" u="none" strike="noStrike" kern="0" cap="none" spc="0" normalizeH="0" baseline="0" noProof="0">
              <a:ln>
                <a:noFill/>
              </a:ln>
              <a:solidFill>
                <a:srgbClr val="000000"/>
              </a:solidFill>
              <a:effectLst/>
              <a:uLnTx/>
              <a:uFillTx/>
              <a:latin typeface="ＭＳ Ｐゴシック"/>
              <a:ea typeface="ＭＳ Ｐゴシック"/>
            </a:rPr>
            <a:t>届出人が法人の場合は、</a:t>
          </a:r>
        </a:p>
        <a:p>
          <a:pPr marL="0" marR="0" lvl="0" indent="0" algn="l" defTabSz="914400" rtl="0" eaLnBrk="1" fontAlgn="auto" latinLnBrk="0" hangingPunct="1">
            <a:lnSpc>
              <a:spcPts val="1300"/>
            </a:lnSpc>
            <a:spcBef>
              <a:spcPts val="0"/>
            </a:spcBef>
            <a:spcAft>
              <a:spcPts val="0"/>
            </a:spcAft>
            <a:buClrTx/>
            <a:buSzTx/>
            <a:buFontTx/>
            <a:buNone/>
            <a:tabLst/>
            <a:defRPr sz="1000"/>
          </a:pPr>
          <a:r>
            <a:rPr kumimoji="0" lang="ja-JP" altLang="en-US" sz="1100" b="0" i="0" u="none" strike="noStrike" kern="0" cap="none" spc="0" normalizeH="0" baseline="0" noProof="0">
              <a:ln>
                <a:noFill/>
              </a:ln>
              <a:solidFill>
                <a:srgbClr val="000000"/>
              </a:solidFill>
              <a:effectLst/>
              <a:uLnTx/>
              <a:uFillTx/>
              <a:latin typeface="ＭＳ Ｐゴシック"/>
              <a:ea typeface="ＭＳ Ｐゴシック"/>
            </a:rPr>
            <a:t>代表者氏名も記入してくだ</a:t>
          </a:r>
        </a:p>
        <a:p>
          <a:pPr marL="0" marR="0" lvl="0" indent="0" algn="l" defTabSz="914400" rtl="0" eaLnBrk="1" fontAlgn="auto" latinLnBrk="0" hangingPunct="1">
            <a:lnSpc>
              <a:spcPts val="1300"/>
            </a:lnSpc>
            <a:spcBef>
              <a:spcPts val="0"/>
            </a:spcBef>
            <a:spcAft>
              <a:spcPts val="0"/>
            </a:spcAft>
            <a:buClrTx/>
            <a:buSzTx/>
            <a:buFontTx/>
            <a:buNone/>
            <a:tabLst/>
            <a:defRPr sz="1000"/>
          </a:pPr>
          <a:r>
            <a:rPr kumimoji="0" lang="ja-JP" altLang="en-US" sz="1100" b="0" i="0" u="none" strike="noStrike" kern="0" cap="none" spc="0" normalizeH="0" baseline="0" noProof="0">
              <a:ln>
                <a:noFill/>
              </a:ln>
              <a:solidFill>
                <a:srgbClr val="000000"/>
              </a:solidFill>
              <a:effectLst/>
              <a:uLnTx/>
              <a:uFillTx/>
              <a:latin typeface="ＭＳ Ｐゴシック"/>
              <a:ea typeface="ＭＳ Ｐゴシック"/>
            </a:rPr>
            <a:t>さい。</a:t>
          </a:r>
          <a:endParaRPr kumimoji="0" lang="en-US" altLang="ja-JP" sz="1100" b="0" i="0" u="none" strike="noStrike" kern="0" cap="none" spc="0" normalizeH="0" baseline="0" noProof="0">
            <a:ln>
              <a:noFill/>
            </a:ln>
            <a:solidFill>
              <a:srgbClr val="000000"/>
            </a:solidFill>
            <a:effectLst/>
            <a:uLnTx/>
            <a:uFillTx/>
            <a:latin typeface="ＭＳ Ｐゴシック"/>
            <a:ea typeface="ＭＳ Ｐゴシック"/>
          </a:endParaRPr>
        </a:p>
        <a:p>
          <a:pPr marL="0" marR="0" lvl="0" indent="0" algn="l" defTabSz="914400" rtl="0" eaLnBrk="1" fontAlgn="auto" latinLnBrk="0" hangingPunct="1">
            <a:lnSpc>
              <a:spcPts val="1300"/>
            </a:lnSpc>
            <a:spcBef>
              <a:spcPts val="0"/>
            </a:spcBef>
            <a:spcAft>
              <a:spcPts val="0"/>
            </a:spcAft>
            <a:buClrTx/>
            <a:buSzTx/>
            <a:buFontTx/>
            <a:buNone/>
            <a:tabLst/>
            <a:defRPr sz="1000"/>
          </a:pPr>
          <a:r>
            <a:rPr kumimoji="0" lang="ja-JP" altLang="en-US" sz="1100" b="0" i="0" u="none" strike="noStrike" kern="0" cap="none" spc="0" normalizeH="0" baseline="0" noProof="0">
              <a:ln>
                <a:noFill/>
              </a:ln>
              <a:solidFill>
                <a:srgbClr val="000000"/>
              </a:solidFill>
              <a:effectLst/>
              <a:uLnTx/>
              <a:uFillTx/>
              <a:latin typeface="ＭＳ Ｐゴシック"/>
              <a:ea typeface="ＭＳ Ｐゴシック"/>
            </a:rPr>
            <a:t>成年後見人等が届出人の場合は、登記事項証明等の写しを添付してください。</a:t>
          </a:r>
          <a:endParaRPr kumimoji="0" lang="ja-JP" altLang="en-US" sz="1000" b="0" i="0" u="none" strike="noStrike" kern="0" cap="none" spc="0" normalizeH="0" baseline="0" noProof="0">
            <a:ln>
              <a:noFill/>
            </a:ln>
            <a:solidFill>
              <a:sysClr val="windowText" lastClr="000000"/>
            </a:solidFill>
            <a:effectLst/>
            <a:uLnTx/>
            <a:uFillTx/>
          </a:endParaRPr>
        </a:p>
      </xdr:txBody>
    </xdr:sp>
    <xdr:clientData/>
  </xdr:twoCellAnchor>
  <xdr:twoCellAnchor>
    <xdr:from>
      <xdr:col>5</xdr:col>
      <xdr:colOff>15875</xdr:colOff>
      <xdr:row>7</xdr:row>
      <xdr:rowOff>158750</xdr:rowOff>
    </xdr:from>
    <xdr:to>
      <xdr:col>10</xdr:col>
      <xdr:colOff>444500</xdr:colOff>
      <xdr:row>8</xdr:row>
      <xdr:rowOff>330200</xdr:rowOff>
    </xdr:to>
    <xdr:sp macro="" textlink="">
      <xdr:nvSpPr>
        <xdr:cNvPr id="9" name="AutoShape 11"/>
        <xdr:cNvSpPr>
          <a:spLocks noChangeArrowheads="1"/>
        </xdr:cNvSpPr>
      </xdr:nvSpPr>
      <xdr:spPr bwMode="auto">
        <a:xfrm>
          <a:off x="3365500" y="2492375"/>
          <a:ext cx="3143250" cy="504825"/>
        </a:xfrm>
        <a:prstGeom prst="roundRect">
          <a:avLst>
            <a:gd name="adj" fmla="val 16667"/>
          </a:avLst>
        </a:prstGeom>
        <a:solidFill>
          <a:srgbClr val="FFFFFF"/>
        </a:solidFill>
        <a:ln w="9525">
          <a:solidFill>
            <a:srgbClr val="000000"/>
          </a:solidFill>
          <a:round/>
          <a:headEnd/>
          <a:tailEnd/>
        </a:ln>
      </xdr:spPr>
      <xdr:txBody>
        <a:bodyPr vertOverflow="clip" wrap="square" lIns="27432" tIns="18288" rIns="0" bIns="0" anchor="t" upright="1"/>
        <a:lstStyle/>
        <a:p>
          <a:pPr marL="0" marR="0" lvl="0" indent="0" algn="l" defTabSz="914400" rtl="0" eaLnBrk="1" fontAlgn="auto" latinLnBrk="0" hangingPunct="1">
            <a:lnSpc>
              <a:spcPts val="1300"/>
            </a:lnSpc>
            <a:spcBef>
              <a:spcPts val="0"/>
            </a:spcBef>
            <a:spcAft>
              <a:spcPts val="0"/>
            </a:spcAft>
            <a:buClrTx/>
            <a:buSzTx/>
            <a:buFontTx/>
            <a:buNone/>
            <a:tabLst/>
            <a:defRPr sz="1000"/>
          </a:pPr>
          <a:r>
            <a:rPr kumimoji="0" lang="ja-JP" altLang="en-US" sz="1050" b="0" i="0" u="none" strike="noStrike" kern="0" cap="none" spc="0" normalizeH="0" baseline="0" noProof="0">
              <a:ln>
                <a:noFill/>
              </a:ln>
              <a:solidFill>
                <a:sysClr val="windowText" lastClr="000000"/>
              </a:solidFill>
              <a:effectLst/>
              <a:uLnTx/>
              <a:uFillTx/>
            </a:rPr>
            <a:t>納税義務者と届出人の関係を記入してください。</a:t>
          </a:r>
          <a:endParaRPr kumimoji="0" lang="en-US" altLang="ja-JP" sz="1050" b="0" i="0" u="none" strike="noStrike" kern="0" cap="none" spc="0" normalizeH="0" baseline="0" noProof="0">
            <a:ln>
              <a:noFill/>
            </a:ln>
            <a:solidFill>
              <a:sysClr val="windowText" lastClr="000000"/>
            </a:solidFill>
            <a:effectLst/>
            <a:uLnTx/>
            <a:uFillTx/>
          </a:endParaRPr>
        </a:p>
        <a:p>
          <a:pPr marL="0" marR="0" lvl="0" indent="0" algn="l" defTabSz="914400" rtl="0" eaLnBrk="1" fontAlgn="auto" latinLnBrk="0" hangingPunct="1">
            <a:lnSpc>
              <a:spcPts val="1300"/>
            </a:lnSpc>
            <a:spcBef>
              <a:spcPts val="0"/>
            </a:spcBef>
            <a:spcAft>
              <a:spcPts val="0"/>
            </a:spcAft>
            <a:buClrTx/>
            <a:buSzTx/>
            <a:buFontTx/>
            <a:buNone/>
            <a:tabLst/>
            <a:defRPr sz="1000"/>
          </a:pPr>
          <a:r>
            <a:rPr kumimoji="0" lang="en-US" altLang="ja-JP" sz="1050" b="0" i="0" u="none" strike="noStrike" kern="0" cap="none" spc="0" normalizeH="0" baseline="0" noProof="0">
              <a:ln>
                <a:noFill/>
              </a:ln>
              <a:solidFill>
                <a:sysClr val="windowText" lastClr="000000"/>
              </a:solidFill>
              <a:effectLst/>
              <a:uLnTx/>
              <a:uFillTx/>
            </a:rPr>
            <a:t>※</a:t>
          </a:r>
          <a:r>
            <a:rPr kumimoji="0" lang="ja-JP" altLang="en-US" sz="1050" b="0" i="0" u="none" strike="noStrike" kern="0" cap="none" spc="0" normalizeH="0" baseline="0" noProof="0">
              <a:ln>
                <a:noFill/>
              </a:ln>
              <a:solidFill>
                <a:sysClr val="windowText" lastClr="000000"/>
              </a:solidFill>
              <a:effectLst/>
              <a:uLnTx/>
              <a:uFillTx/>
            </a:rPr>
            <a:t>新受取人と届出人の関係ではありません。</a:t>
          </a:r>
        </a:p>
      </xdr:txBody>
    </xdr:sp>
    <xdr:clientData/>
  </xdr:twoCellAnchor>
  <xdr:twoCellAnchor>
    <xdr:from>
      <xdr:col>3</xdr:col>
      <xdr:colOff>190500</xdr:colOff>
      <xdr:row>5</xdr:row>
      <xdr:rowOff>285750</xdr:rowOff>
    </xdr:from>
    <xdr:to>
      <xdr:col>3</xdr:col>
      <xdr:colOff>514350</xdr:colOff>
      <xdr:row>6</xdr:row>
      <xdr:rowOff>47625</xdr:rowOff>
    </xdr:to>
    <xdr:sp macro="" textlink="">
      <xdr:nvSpPr>
        <xdr:cNvPr id="10" name="Line 12"/>
        <xdr:cNvSpPr>
          <a:spLocks noChangeShapeType="1"/>
        </xdr:cNvSpPr>
      </xdr:nvSpPr>
      <xdr:spPr bwMode="auto">
        <a:xfrm flipV="1">
          <a:off x="2222500" y="1952625"/>
          <a:ext cx="323850" cy="9525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5</xdr:col>
      <xdr:colOff>190500</xdr:colOff>
      <xdr:row>7</xdr:row>
      <xdr:rowOff>15875</xdr:rowOff>
    </xdr:from>
    <xdr:to>
      <xdr:col>5</xdr:col>
      <xdr:colOff>542925</xdr:colOff>
      <xdr:row>7</xdr:row>
      <xdr:rowOff>139700</xdr:rowOff>
    </xdr:to>
    <xdr:sp macro="" textlink="">
      <xdr:nvSpPr>
        <xdr:cNvPr id="11" name="Line 12"/>
        <xdr:cNvSpPr>
          <a:spLocks noChangeShapeType="1"/>
        </xdr:cNvSpPr>
      </xdr:nvSpPr>
      <xdr:spPr bwMode="auto">
        <a:xfrm flipV="1">
          <a:off x="3540125" y="2349500"/>
          <a:ext cx="352425" cy="123825"/>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52"/>
  <sheetViews>
    <sheetView view="pageBreakPreview" topLeftCell="A26" zoomScale="60" zoomScaleNormal="100" workbookViewId="0">
      <selection activeCell="G36" sqref="G36:J36"/>
    </sheetView>
  </sheetViews>
  <sheetFormatPr defaultRowHeight="13.5" x14ac:dyDescent="0.15"/>
  <cols>
    <col min="1" max="1" width="5" customWidth="1"/>
    <col min="2" max="2" width="14.5" customWidth="1"/>
    <col min="3" max="3" width="5.75" customWidth="1"/>
    <col min="4" max="4" width="7.875" customWidth="1"/>
    <col min="5" max="5" width="9.375" customWidth="1"/>
    <col min="6" max="6" width="9" customWidth="1"/>
    <col min="7" max="7" width="5.625" customWidth="1"/>
    <col min="8" max="8" width="5.25" customWidth="1"/>
    <col min="9" max="9" width="6.875" customWidth="1"/>
    <col min="10" max="10" width="14.5" customWidth="1"/>
    <col min="11" max="11" width="5.125" customWidth="1"/>
    <col min="12" max="13" width="10.625" customWidth="1"/>
    <col min="260" max="260" width="9.25" customWidth="1"/>
    <col min="261" max="261" width="11.5" customWidth="1"/>
    <col min="262" max="262" width="9.25" customWidth="1"/>
    <col min="263" max="263" width="11.25" customWidth="1"/>
    <col min="264" max="264" width="14.5" customWidth="1"/>
    <col min="265" max="265" width="10.625" customWidth="1"/>
    <col min="266" max="266" width="8.625" customWidth="1"/>
    <col min="267" max="267" width="12.875" customWidth="1"/>
    <col min="268" max="269" width="10.625" customWidth="1"/>
    <col min="516" max="516" width="9.25" customWidth="1"/>
    <col min="517" max="517" width="11.5" customWidth="1"/>
    <col min="518" max="518" width="9.25" customWidth="1"/>
    <col min="519" max="519" width="11.25" customWidth="1"/>
    <col min="520" max="520" width="14.5" customWidth="1"/>
    <col min="521" max="521" width="10.625" customWidth="1"/>
    <col min="522" max="522" width="8.625" customWidth="1"/>
    <col min="523" max="523" width="12.875" customWidth="1"/>
    <col min="524" max="525" width="10.625" customWidth="1"/>
    <col min="772" max="772" width="9.25" customWidth="1"/>
    <col min="773" max="773" width="11.5" customWidth="1"/>
    <col min="774" max="774" width="9.25" customWidth="1"/>
    <col min="775" max="775" width="11.25" customWidth="1"/>
    <col min="776" max="776" width="14.5" customWidth="1"/>
    <col min="777" max="777" width="10.625" customWidth="1"/>
    <col min="778" max="778" width="8.625" customWidth="1"/>
    <col min="779" max="779" width="12.875" customWidth="1"/>
    <col min="780" max="781" width="10.625" customWidth="1"/>
    <col min="1028" max="1028" width="9.25" customWidth="1"/>
    <col min="1029" max="1029" width="11.5" customWidth="1"/>
    <col min="1030" max="1030" width="9.25" customWidth="1"/>
    <col min="1031" max="1031" width="11.25" customWidth="1"/>
    <col min="1032" max="1032" width="14.5" customWidth="1"/>
    <col min="1033" max="1033" width="10.625" customWidth="1"/>
    <col min="1034" max="1034" width="8.625" customWidth="1"/>
    <col min="1035" max="1035" width="12.875" customWidth="1"/>
    <col min="1036" max="1037" width="10.625" customWidth="1"/>
    <col min="1284" max="1284" width="9.25" customWidth="1"/>
    <col min="1285" max="1285" width="11.5" customWidth="1"/>
    <col min="1286" max="1286" width="9.25" customWidth="1"/>
    <col min="1287" max="1287" width="11.25" customWidth="1"/>
    <col min="1288" max="1288" width="14.5" customWidth="1"/>
    <col min="1289" max="1289" width="10.625" customWidth="1"/>
    <col min="1290" max="1290" width="8.625" customWidth="1"/>
    <col min="1291" max="1291" width="12.875" customWidth="1"/>
    <col min="1292" max="1293" width="10.625" customWidth="1"/>
    <col min="1540" max="1540" width="9.25" customWidth="1"/>
    <col min="1541" max="1541" width="11.5" customWidth="1"/>
    <col min="1542" max="1542" width="9.25" customWidth="1"/>
    <col min="1543" max="1543" width="11.25" customWidth="1"/>
    <col min="1544" max="1544" width="14.5" customWidth="1"/>
    <col min="1545" max="1545" width="10.625" customWidth="1"/>
    <col min="1546" max="1546" width="8.625" customWidth="1"/>
    <col min="1547" max="1547" width="12.875" customWidth="1"/>
    <col min="1548" max="1549" width="10.625" customWidth="1"/>
    <col min="1796" max="1796" width="9.25" customWidth="1"/>
    <col min="1797" max="1797" width="11.5" customWidth="1"/>
    <col min="1798" max="1798" width="9.25" customWidth="1"/>
    <col min="1799" max="1799" width="11.25" customWidth="1"/>
    <col min="1800" max="1800" width="14.5" customWidth="1"/>
    <col min="1801" max="1801" width="10.625" customWidth="1"/>
    <col min="1802" max="1802" width="8.625" customWidth="1"/>
    <col min="1803" max="1803" width="12.875" customWidth="1"/>
    <col min="1804" max="1805" width="10.625" customWidth="1"/>
    <col min="2052" max="2052" width="9.25" customWidth="1"/>
    <col min="2053" max="2053" width="11.5" customWidth="1"/>
    <col min="2054" max="2054" width="9.25" customWidth="1"/>
    <col min="2055" max="2055" width="11.25" customWidth="1"/>
    <col min="2056" max="2056" width="14.5" customWidth="1"/>
    <col min="2057" max="2057" width="10.625" customWidth="1"/>
    <col min="2058" max="2058" width="8.625" customWidth="1"/>
    <col min="2059" max="2059" width="12.875" customWidth="1"/>
    <col min="2060" max="2061" width="10.625" customWidth="1"/>
    <col min="2308" max="2308" width="9.25" customWidth="1"/>
    <col min="2309" max="2309" width="11.5" customWidth="1"/>
    <col min="2310" max="2310" width="9.25" customWidth="1"/>
    <col min="2311" max="2311" width="11.25" customWidth="1"/>
    <col min="2312" max="2312" width="14.5" customWidth="1"/>
    <col min="2313" max="2313" width="10.625" customWidth="1"/>
    <col min="2314" max="2314" width="8.625" customWidth="1"/>
    <col min="2315" max="2315" width="12.875" customWidth="1"/>
    <col min="2316" max="2317" width="10.625" customWidth="1"/>
    <col min="2564" max="2564" width="9.25" customWidth="1"/>
    <col min="2565" max="2565" width="11.5" customWidth="1"/>
    <col min="2566" max="2566" width="9.25" customWidth="1"/>
    <col min="2567" max="2567" width="11.25" customWidth="1"/>
    <col min="2568" max="2568" width="14.5" customWidth="1"/>
    <col min="2569" max="2569" width="10.625" customWidth="1"/>
    <col min="2570" max="2570" width="8.625" customWidth="1"/>
    <col min="2571" max="2571" width="12.875" customWidth="1"/>
    <col min="2572" max="2573" width="10.625" customWidth="1"/>
    <col min="2820" max="2820" width="9.25" customWidth="1"/>
    <col min="2821" max="2821" width="11.5" customWidth="1"/>
    <col min="2822" max="2822" width="9.25" customWidth="1"/>
    <col min="2823" max="2823" width="11.25" customWidth="1"/>
    <col min="2824" max="2824" width="14.5" customWidth="1"/>
    <col min="2825" max="2825" width="10.625" customWidth="1"/>
    <col min="2826" max="2826" width="8.625" customWidth="1"/>
    <col min="2827" max="2827" width="12.875" customWidth="1"/>
    <col min="2828" max="2829" width="10.625" customWidth="1"/>
    <col min="3076" max="3076" width="9.25" customWidth="1"/>
    <col min="3077" max="3077" width="11.5" customWidth="1"/>
    <col min="3078" max="3078" width="9.25" customWidth="1"/>
    <col min="3079" max="3079" width="11.25" customWidth="1"/>
    <col min="3080" max="3080" width="14.5" customWidth="1"/>
    <col min="3081" max="3081" width="10.625" customWidth="1"/>
    <col min="3082" max="3082" width="8.625" customWidth="1"/>
    <col min="3083" max="3083" width="12.875" customWidth="1"/>
    <col min="3084" max="3085" width="10.625" customWidth="1"/>
    <col min="3332" max="3332" width="9.25" customWidth="1"/>
    <col min="3333" max="3333" width="11.5" customWidth="1"/>
    <col min="3334" max="3334" width="9.25" customWidth="1"/>
    <col min="3335" max="3335" width="11.25" customWidth="1"/>
    <col min="3336" max="3336" width="14.5" customWidth="1"/>
    <col min="3337" max="3337" width="10.625" customWidth="1"/>
    <col min="3338" max="3338" width="8.625" customWidth="1"/>
    <col min="3339" max="3339" width="12.875" customWidth="1"/>
    <col min="3340" max="3341" width="10.625" customWidth="1"/>
    <col min="3588" max="3588" width="9.25" customWidth="1"/>
    <col min="3589" max="3589" width="11.5" customWidth="1"/>
    <col min="3590" max="3590" width="9.25" customWidth="1"/>
    <col min="3591" max="3591" width="11.25" customWidth="1"/>
    <col min="3592" max="3592" width="14.5" customWidth="1"/>
    <col min="3593" max="3593" width="10.625" customWidth="1"/>
    <col min="3594" max="3594" width="8.625" customWidth="1"/>
    <col min="3595" max="3595" width="12.875" customWidth="1"/>
    <col min="3596" max="3597" width="10.625" customWidth="1"/>
    <col min="3844" max="3844" width="9.25" customWidth="1"/>
    <col min="3845" max="3845" width="11.5" customWidth="1"/>
    <col min="3846" max="3846" width="9.25" customWidth="1"/>
    <col min="3847" max="3847" width="11.25" customWidth="1"/>
    <col min="3848" max="3848" width="14.5" customWidth="1"/>
    <col min="3849" max="3849" width="10.625" customWidth="1"/>
    <col min="3850" max="3850" width="8.625" customWidth="1"/>
    <col min="3851" max="3851" width="12.875" customWidth="1"/>
    <col min="3852" max="3853" width="10.625" customWidth="1"/>
    <col min="4100" max="4100" width="9.25" customWidth="1"/>
    <col min="4101" max="4101" width="11.5" customWidth="1"/>
    <col min="4102" max="4102" width="9.25" customWidth="1"/>
    <col min="4103" max="4103" width="11.25" customWidth="1"/>
    <col min="4104" max="4104" width="14.5" customWidth="1"/>
    <col min="4105" max="4105" width="10.625" customWidth="1"/>
    <col min="4106" max="4106" width="8.625" customWidth="1"/>
    <col min="4107" max="4107" width="12.875" customWidth="1"/>
    <col min="4108" max="4109" width="10.625" customWidth="1"/>
    <col min="4356" max="4356" width="9.25" customWidth="1"/>
    <col min="4357" max="4357" width="11.5" customWidth="1"/>
    <col min="4358" max="4358" width="9.25" customWidth="1"/>
    <col min="4359" max="4359" width="11.25" customWidth="1"/>
    <col min="4360" max="4360" width="14.5" customWidth="1"/>
    <col min="4361" max="4361" width="10.625" customWidth="1"/>
    <col min="4362" max="4362" width="8.625" customWidth="1"/>
    <col min="4363" max="4363" width="12.875" customWidth="1"/>
    <col min="4364" max="4365" width="10.625" customWidth="1"/>
    <col min="4612" max="4612" width="9.25" customWidth="1"/>
    <col min="4613" max="4613" width="11.5" customWidth="1"/>
    <col min="4614" max="4614" width="9.25" customWidth="1"/>
    <col min="4615" max="4615" width="11.25" customWidth="1"/>
    <col min="4616" max="4616" width="14.5" customWidth="1"/>
    <col min="4617" max="4617" width="10.625" customWidth="1"/>
    <col min="4618" max="4618" width="8.625" customWidth="1"/>
    <col min="4619" max="4619" width="12.875" customWidth="1"/>
    <col min="4620" max="4621" width="10.625" customWidth="1"/>
    <col min="4868" max="4868" width="9.25" customWidth="1"/>
    <col min="4869" max="4869" width="11.5" customWidth="1"/>
    <col min="4870" max="4870" width="9.25" customWidth="1"/>
    <col min="4871" max="4871" width="11.25" customWidth="1"/>
    <col min="4872" max="4872" width="14.5" customWidth="1"/>
    <col min="4873" max="4873" width="10.625" customWidth="1"/>
    <col min="4874" max="4874" width="8.625" customWidth="1"/>
    <col min="4875" max="4875" width="12.875" customWidth="1"/>
    <col min="4876" max="4877" width="10.625" customWidth="1"/>
    <col min="5124" max="5124" width="9.25" customWidth="1"/>
    <col min="5125" max="5125" width="11.5" customWidth="1"/>
    <col min="5126" max="5126" width="9.25" customWidth="1"/>
    <col min="5127" max="5127" width="11.25" customWidth="1"/>
    <col min="5128" max="5128" width="14.5" customWidth="1"/>
    <col min="5129" max="5129" width="10.625" customWidth="1"/>
    <col min="5130" max="5130" width="8.625" customWidth="1"/>
    <col min="5131" max="5131" width="12.875" customWidth="1"/>
    <col min="5132" max="5133" width="10.625" customWidth="1"/>
    <col min="5380" max="5380" width="9.25" customWidth="1"/>
    <col min="5381" max="5381" width="11.5" customWidth="1"/>
    <col min="5382" max="5382" width="9.25" customWidth="1"/>
    <col min="5383" max="5383" width="11.25" customWidth="1"/>
    <col min="5384" max="5384" width="14.5" customWidth="1"/>
    <col min="5385" max="5385" width="10.625" customWidth="1"/>
    <col min="5386" max="5386" width="8.625" customWidth="1"/>
    <col min="5387" max="5387" width="12.875" customWidth="1"/>
    <col min="5388" max="5389" width="10.625" customWidth="1"/>
    <col min="5636" max="5636" width="9.25" customWidth="1"/>
    <col min="5637" max="5637" width="11.5" customWidth="1"/>
    <col min="5638" max="5638" width="9.25" customWidth="1"/>
    <col min="5639" max="5639" width="11.25" customWidth="1"/>
    <col min="5640" max="5640" width="14.5" customWidth="1"/>
    <col min="5641" max="5641" width="10.625" customWidth="1"/>
    <col min="5642" max="5642" width="8.625" customWidth="1"/>
    <col min="5643" max="5643" width="12.875" customWidth="1"/>
    <col min="5644" max="5645" width="10.625" customWidth="1"/>
    <col min="5892" max="5892" width="9.25" customWidth="1"/>
    <col min="5893" max="5893" width="11.5" customWidth="1"/>
    <col min="5894" max="5894" width="9.25" customWidth="1"/>
    <col min="5895" max="5895" width="11.25" customWidth="1"/>
    <col min="5896" max="5896" width="14.5" customWidth="1"/>
    <col min="5897" max="5897" width="10.625" customWidth="1"/>
    <col min="5898" max="5898" width="8.625" customWidth="1"/>
    <col min="5899" max="5899" width="12.875" customWidth="1"/>
    <col min="5900" max="5901" width="10.625" customWidth="1"/>
    <col min="6148" max="6148" width="9.25" customWidth="1"/>
    <col min="6149" max="6149" width="11.5" customWidth="1"/>
    <col min="6150" max="6150" width="9.25" customWidth="1"/>
    <col min="6151" max="6151" width="11.25" customWidth="1"/>
    <col min="6152" max="6152" width="14.5" customWidth="1"/>
    <col min="6153" max="6153" width="10.625" customWidth="1"/>
    <col min="6154" max="6154" width="8.625" customWidth="1"/>
    <col min="6155" max="6155" width="12.875" customWidth="1"/>
    <col min="6156" max="6157" width="10.625" customWidth="1"/>
    <col min="6404" max="6404" width="9.25" customWidth="1"/>
    <col min="6405" max="6405" width="11.5" customWidth="1"/>
    <col min="6406" max="6406" width="9.25" customWidth="1"/>
    <col min="6407" max="6407" width="11.25" customWidth="1"/>
    <col min="6408" max="6408" width="14.5" customWidth="1"/>
    <col min="6409" max="6409" width="10.625" customWidth="1"/>
    <col min="6410" max="6410" width="8.625" customWidth="1"/>
    <col min="6411" max="6411" width="12.875" customWidth="1"/>
    <col min="6412" max="6413" width="10.625" customWidth="1"/>
    <col min="6660" max="6660" width="9.25" customWidth="1"/>
    <col min="6661" max="6661" width="11.5" customWidth="1"/>
    <col min="6662" max="6662" width="9.25" customWidth="1"/>
    <col min="6663" max="6663" width="11.25" customWidth="1"/>
    <col min="6664" max="6664" width="14.5" customWidth="1"/>
    <col min="6665" max="6665" width="10.625" customWidth="1"/>
    <col min="6666" max="6666" width="8.625" customWidth="1"/>
    <col min="6667" max="6667" width="12.875" customWidth="1"/>
    <col min="6668" max="6669" width="10.625" customWidth="1"/>
    <col min="6916" max="6916" width="9.25" customWidth="1"/>
    <col min="6917" max="6917" width="11.5" customWidth="1"/>
    <col min="6918" max="6918" width="9.25" customWidth="1"/>
    <col min="6919" max="6919" width="11.25" customWidth="1"/>
    <col min="6920" max="6920" width="14.5" customWidth="1"/>
    <col min="6921" max="6921" width="10.625" customWidth="1"/>
    <col min="6922" max="6922" width="8.625" customWidth="1"/>
    <col min="6923" max="6923" width="12.875" customWidth="1"/>
    <col min="6924" max="6925" width="10.625" customWidth="1"/>
    <col min="7172" max="7172" width="9.25" customWidth="1"/>
    <col min="7173" max="7173" width="11.5" customWidth="1"/>
    <col min="7174" max="7174" width="9.25" customWidth="1"/>
    <col min="7175" max="7175" width="11.25" customWidth="1"/>
    <col min="7176" max="7176" width="14.5" customWidth="1"/>
    <col min="7177" max="7177" width="10.625" customWidth="1"/>
    <col min="7178" max="7178" width="8.625" customWidth="1"/>
    <col min="7179" max="7179" width="12.875" customWidth="1"/>
    <col min="7180" max="7181" width="10.625" customWidth="1"/>
    <col min="7428" max="7428" width="9.25" customWidth="1"/>
    <col min="7429" max="7429" width="11.5" customWidth="1"/>
    <col min="7430" max="7430" width="9.25" customWidth="1"/>
    <col min="7431" max="7431" width="11.25" customWidth="1"/>
    <col min="7432" max="7432" width="14.5" customWidth="1"/>
    <col min="7433" max="7433" width="10.625" customWidth="1"/>
    <col min="7434" max="7434" width="8.625" customWidth="1"/>
    <col min="7435" max="7435" width="12.875" customWidth="1"/>
    <col min="7436" max="7437" width="10.625" customWidth="1"/>
    <col min="7684" max="7684" width="9.25" customWidth="1"/>
    <col min="7685" max="7685" width="11.5" customWidth="1"/>
    <col min="7686" max="7686" width="9.25" customWidth="1"/>
    <col min="7687" max="7687" width="11.25" customWidth="1"/>
    <col min="7688" max="7688" width="14.5" customWidth="1"/>
    <col min="7689" max="7689" width="10.625" customWidth="1"/>
    <col min="7690" max="7690" width="8.625" customWidth="1"/>
    <col min="7691" max="7691" width="12.875" customWidth="1"/>
    <col min="7692" max="7693" width="10.625" customWidth="1"/>
    <col min="7940" max="7940" width="9.25" customWidth="1"/>
    <col min="7941" max="7941" width="11.5" customWidth="1"/>
    <col min="7942" max="7942" width="9.25" customWidth="1"/>
    <col min="7943" max="7943" width="11.25" customWidth="1"/>
    <col min="7944" max="7944" width="14.5" customWidth="1"/>
    <col min="7945" max="7945" width="10.625" customWidth="1"/>
    <col min="7946" max="7946" width="8.625" customWidth="1"/>
    <col min="7947" max="7947" width="12.875" customWidth="1"/>
    <col min="7948" max="7949" width="10.625" customWidth="1"/>
    <col min="8196" max="8196" width="9.25" customWidth="1"/>
    <col min="8197" max="8197" width="11.5" customWidth="1"/>
    <col min="8198" max="8198" width="9.25" customWidth="1"/>
    <col min="8199" max="8199" width="11.25" customWidth="1"/>
    <col min="8200" max="8200" width="14.5" customWidth="1"/>
    <col min="8201" max="8201" width="10.625" customWidth="1"/>
    <col min="8202" max="8202" width="8.625" customWidth="1"/>
    <col min="8203" max="8203" width="12.875" customWidth="1"/>
    <col min="8204" max="8205" width="10.625" customWidth="1"/>
    <col min="8452" max="8452" width="9.25" customWidth="1"/>
    <col min="8453" max="8453" width="11.5" customWidth="1"/>
    <col min="8454" max="8454" width="9.25" customWidth="1"/>
    <col min="8455" max="8455" width="11.25" customWidth="1"/>
    <col min="8456" max="8456" width="14.5" customWidth="1"/>
    <col min="8457" max="8457" width="10.625" customWidth="1"/>
    <col min="8458" max="8458" width="8.625" customWidth="1"/>
    <col min="8459" max="8459" width="12.875" customWidth="1"/>
    <col min="8460" max="8461" width="10.625" customWidth="1"/>
    <col min="8708" max="8708" width="9.25" customWidth="1"/>
    <col min="8709" max="8709" width="11.5" customWidth="1"/>
    <col min="8710" max="8710" width="9.25" customWidth="1"/>
    <col min="8711" max="8711" width="11.25" customWidth="1"/>
    <col min="8712" max="8712" width="14.5" customWidth="1"/>
    <col min="8713" max="8713" width="10.625" customWidth="1"/>
    <col min="8714" max="8714" width="8.625" customWidth="1"/>
    <col min="8715" max="8715" width="12.875" customWidth="1"/>
    <col min="8716" max="8717" width="10.625" customWidth="1"/>
    <col min="8964" max="8964" width="9.25" customWidth="1"/>
    <col min="8965" max="8965" width="11.5" customWidth="1"/>
    <col min="8966" max="8966" width="9.25" customWidth="1"/>
    <col min="8967" max="8967" width="11.25" customWidth="1"/>
    <col min="8968" max="8968" width="14.5" customWidth="1"/>
    <col min="8969" max="8969" width="10.625" customWidth="1"/>
    <col min="8970" max="8970" width="8.625" customWidth="1"/>
    <col min="8971" max="8971" width="12.875" customWidth="1"/>
    <col min="8972" max="8973" width="10.625" customWidth="1"/>
    <col min="9220" max="9220" width="9.25" customWidth="1"/>
    <col min="9221" max="9221" width="11.5" customWidth="1"/>
    <col min="9222" max="9222" width="9.25" customWidth="1"/>
    <col min="9223" max="9223" width="11.25" customWidth="1"/>
    <col min="9224" max="9224" width="14.5" customWidth="1"/>
    <col min="9225" max="9225" width="10.625" customWidth="1"/>
    <col min="9226" max="9226" width="8.625" customWidth="1"/>
    <col min="9227" max="9227" width="12.875" customWidth="1"/>
    <col min="9228" max="9229" width="10.625" customWidth="1"/>
    <col min="9476" max="9476" width="9.25" customWidth="1"/>
    <col min="9477" max="9477" width="11.5" customWidth="1"/>
    <col min="9478" max="9478" width="9.25" customWidth="1"/>
    <col min="9479" max="9479" width="11.25" customWidth="1"/>
    <col min="9480" max="9480" width="14.5" customWidth="1"/>
    <col min="9481" max="9481" width="10.625" customWidth="1"/>
    <col min="9482" max="9482" width="8.625" customWidth="1"/>
    <col min="9483" max="9483" width="12.875" customWidth="1"/>
    <col min="9484" max="9485" width="10.625" customWidth="1"/>
    <col min="9732" max="9732" width="9.25" customWidth="1"/>
    <col min="9733" max="9733" width="11.5" customWidth="1"/>
    <col min="9734" max="9734" width="9.25" customWidth="1"/>
    <col min="9735" max="9735" width="11.25" customWidth="1"/>
    <col min="9736" max="9736" width="14.5" customWidth="1"/>
    <col min="9737" max="9737" width="10.625" customWidth="1"/>
    <col min="9738" max="9738" width="8.625" customWidth="1"/>
    <col min="9739" max="9739" width="12.875" customWidth="1"/>
    <col min="9740" max="9741" width="10.625" customWidth="1"/>
    <col min="9988" max="9988" width="9.25" customWidth="1"/>
    <col min="9989" max="9989" width="11.5" customWidth="1"/>
    <col min="9990" max="9990" width="9.25" customWidth="1"/>
    <col min="9991" max="9991" width="11.25" customWidth="1"/>
    <col min="9992" max="9992" width="14.5" customWidth="1"/>
    <col min="9993" max="9993" width="10.625" customWidth="1"/>
    <col min="9994" max="9994" width="8.625" customWidth="1"/>
    <col min="9995" max="9995" width="12.875" customWidth="1"/>
    <col min="9996" max="9997" width="10.625" customWidth="1"/>
    <col min="10244" max="10244" width="9.25" customWidth="1"/>
    <col min="10245" max="10245" width="11.5" customWidth="1"/>
    <col min="10246" max="10246" width="9.25" customWidth="1"/>
    <col min="10247" max="10247" width="11.25" customWidth="1"/>
    <col min="10248" max="10248" width="14.5" customWidth="1"/>
    <col min="10249" max="10249" width="10.625" customWidth="1"/>
    <col min="10250" max="10250" width="8.625" customWidth="1"/>
    <col min="10251" max="10251" width="12.875" customWidth="1"/>
    <col min="10252" max="10253" width="10.625" customWidth="1"/>
    <col min="10500" max="10500" width="9.25" customWidth="1"/>
    <col min="10501" max="10501" width="11.5" customWidth="1"/>
    <col min="10502" max="10502" width="9.25" customWidth="1"/>
    <col min="10503" max="10503" width="11.25" customWidth="1"/>
    <col min="10504" max="10504" width="14.5" customWidth="1"/>
    <col min="10505" max="10505" width="10.625" customWidth="1"/>
    <col min="10506" max="10506" width="8.625" customWidth="1"/>
    <col min="10507" max="10507" width="12.875" customWidth="1"/>
    <col min="10508" max="10509" width="10.625" customWidth="1"/>
    <col min="10756" max="10756" width="9.25" customWidth="1"/>
    <col min="10757" max="10757" width="11.5" customWidth="1"/>
    <col min="10758" max="10758" width="9.25" customWidth="1"/>
    <col min="10759" max="10759" width="11.25" customWidth="1"/>
    <col min="10760" max="10760" width="14.5" customWidth="1"/>
    <col min="10761" max="10761" width="10.625" customWidth="1"/>
    <col min="10762" max="10762" width="8.625" customWidth="1"/>
    <col min="10763" max="10763" width="12.875" customWidth="1"/>
    <col min="10764" max="10765" width="10.625" customWidth="1"/>
    <col min="11012" max="11012" width="9.25" customWidth="1"/>
    <col min="11013" max="11013" width="11.5" customWidth="1"/>
    <col min="11014" max="11014" width="9.25" customWidth="1"/>
    <col min="11015" max="11015" width="11.25" customWidth="1"/>
    <col min="11016" max="11016" width="14.5" customWidth="1"/>
    <col min="11017" max="11017" width="10.625" customWidth="1"/>
    <col min="11018" max="11018" width="8.625" customWidth="1"/>
    <col min="11019" max="11019" width="12.875" customWidth="1"/>
    <col min="11020" max="11021" width="10.625" customWidth="1"/>
    <col min="11268" max="11268" width="9.25" customWidth="1"/>
    <col min="11269" max="11269" width="11.5" customWidth="1"/>
    <col min="11270" max="11270" width="9.25" customWidth="1"/>
    <col min="11271" max="11271" width="11.25" customWidth="1"/>
    <col min="11272" max="11272" width="14.5" customWidth="1"/>
    <col min="11273" max="11273" width="10.625" customWidth="1"/>
    <col min="11274" max="11274" width="8.625" customWidth="1"/>
    <col min="11275" max="11275" width="12.875" customWidth="1"/>
    <col min="11276" max="11277" width="10.625" customWidth="1"/>
    <col min="11524" max="11524" width="9.25" customWidth="1"/>
    <col min="11525" max="11525" width="11.5" customWidth="1"/>
    <col min="11526" max="11526" width="9.25" customWidth="1"/>
    <col min="11527" max="11527" width="11.25" customWidth="1"/>
    <col min="11528" max="11528" width="14.5" customWidth="1"/>
    <col min="11529" max="11529" width="10.625" customWidth="1"/>
    <col min="11530" max="11530" width="8.625" customWidth="1"/>
    <col min="11531" max="11531" width="12.875" customWidth="1"/>
    <col min="11532" max="11533" width="10.625" customWidth="1"/>
    <col min="11780" max="11780" width="9.25" customWidth="1"/>
    <col min="11781" max="11781" width="11.5" customWidth="1"/>
    <col min="11782" max="11782" width="9.25" customWidth="1"/>
    <col min="11783" max="11783" width="11.25" customWidth="1"/>
    <col min="11784" max="11784" width="14.5" customWidth="1"/>
    <col min="11785" max="11785" width="10.625" customWidth="1"/>
    <col min="11786" max="11786" width="8.625" customWidth="1"/>
    <col min="11787" max="11787" width="12.875" customWidth="1"/>
    <col min="11788" max="11789" width="10.625" customWidth="1"/>
    <col min="12036" max="12036" width="9.25" customWidth="1"/>
    <col min="12037" max="12037" width="11.5" customWidth="1"/>
    <col min="12038" max="12038" width="9.25" customWidth="1"/>
    <col min="12039" max="12039" width="11.25" customWidth="1"/>
    <col min="12040" max="12040" width="14.5" customWidth="1"/>
    <col min="12041" max="12041" width="10.625" customWidth="1"/>
    <col min="12042" max="12042" width="8.625" customWidth="1"/>
    <col min="12043" max="12043" width="12.875" customWidth="1"/>
    <col min="12044" max="12045" width="10.625" customWidth="1"/>
    <col min="12292" max="12292" width="9.25" customWidth="1"/>
    <col min="12293" max="12293" width="11.5" customWidth="1"/>
    <col min="12294" max="12294" width="9.25" customWidth="1"/>
    <col min="12295" max="12295" width="11.25" customWidth="1"/>
    <col min="12296" max="12296" width="14.5" customWidth="1"/>
    <col min="12297" max="12297" width="10.625" customWidth="1"/>
    <col min="12298" max="12298" width="8.625" customWidth="1"/>
    <col min="12299" max="12299" width="12.875" customWidth="1"/>
    <col min="12300" max="12301" width="10.625" customWidth="1"/>
    <col min="12548" max="12548" width="9.25" customWidth="1"/>
    <col min="12549" max="12549" width="11.5" customWidth="1"/>
    <col min="12550" max="12550" width="9.25" customWidth="1"/>
    <col min="12551" max="12551" width="11.25" customWidth="1"/>
    <col min="12552" max="12552" width="14.5" customWidth="1"/>
    <col min="12553" max="12553" width="10.625" customWidth="1"/>
    <col min="12554" max="12554" width="8.625" customWidth="1"/>
    <col min="12555" max="12555" width="12.875" customWidth="1"/>
    <col min="12556" max="12557" width="10.625" customWidth="1"/>
    <col min="12804" max="12804" width="9.25" customWidth="1"/>
    <col min="12805" max="12805" width="11.5" customWidth="1"/>
    <col min="12806" max="12806" width="9.25" customWidth="1"/>
    <col min="12807" max="12807" width="11.25" customWidth="1"/>
    <col min="12808" max="12808" width="14.5" customWidth="1"/>
    <col min="12809" max="12809" width="10.625" customWidth="1"/>
    <col min="12810" max="12810" width="8.625" customWidth="1"/>
    <col min="12811" max="12811" width="12.875" customWidth="1"/>
    <col min="12812" max="12813" width="10.625" customWidth="1"/>
    <col min="13060" max="13060" width="9.25" customWidth="1"/>
    <col min="13061" max="13061" width="11.5" customWidth="1"/>
    <col min="13062" max="13062" width="9.25" customWidth="1"/>
    <col min="13063" max="13063" width="11.25" customWidth="1"/>
    <col min="13064" max="13064" width="14.5" customWidth="1"/>
    <col min="13065" max="13065" width="10.625" customWidth="1"/>
    <col min="13066" max="13066" width="8.625" customWidth="1"/>
    <col min="13067" max="13067" width="12.875" customWidth="1"/>
    <col min="13068" max="13069" width="10.625" customWidth="1"/>
    <col min="13316" max="13316" width="9.25" customWidth="1"/>
    <col min="13317" max="13317" width="11.5" customWidth="1"/>
    <col min="13318" max="13318" width="9.25" customWidth="1"/>
    <col min="13319" max="13319" width="11.25" customWidth="1"/>
    <col min="13320" max="13320" width="14.5" customWidth="1"/>
    <col min="13321" max="13321" width="10.625" customWidth="1"/>
    <col min="13322" max="13322" width="8.625" customWidth="1"/>
    <col min="13323" max="13323" width="12.875" customWidth="1"/>
    <col min="13324" max="13325" width="10.625" customWidth="1"/>
    <col min="13572" max="13572" width="9.25" customWidth="1"/>
    <col min="13573" max="13573" width="11.5" customWidth="1"/>
    <col min="13574" max="13574" width="9.25" customWidth="1"/>
    <col min="13575" max="13575" width="11.25" customWidth="1"/>
    <col min="13576" max="13576" width="14.5" customWidth="1"/>
    <col min="13577" max="13577" width="10.625" customWidth="1"/>
    <col min="13578" max="13578" width="8.625" customWidth="1"/>
    <col min="13579" max="13579" width="12.875" customWidth="1"/>
    <col min="13580" max="13581" width="10.625" customWidth="1"/>
    <col min="13828" max="13828" width="9.25" customWidth="1"/>
    <col min="13829" max="13829" width="11.5" customWidth="1"/>
    <col min="13830" max="13830" width="9.25" customWidth="1"/>
    <col min="13831" max="13831" width="11.25" customWidth="1"/>
    <col min="13832" max="13832" width="14.5" customWidth="1"/>
    <col min="13833" max="13833" width="10.625" customWidth="1"/>
    <col min="13834" max="13834" width="8.625" customWidth="1"/>
    <col min="13835" max="13835" width="12.875" customWidth="1"/>
    <col min="13836" max="13837" width="10.625" customWidth="1"/>
    <col min="14084" max="14084" width="9.25" customWidth="1"/>
    <col min="14085" max="14085" width="11.5" customWidth="1"/>
    <col min="14086" max="14086" width="9.25" customWidth="1"/>
    <col min="14087" max="14087" width="11.25" customWidth="1"/>
    <col min="14088" max="14088" width="14.5" customWidth="1"/>
    <col min="14089" max="14089" width="10.625" customWidth="1"/>
    <col min="14090" max="14090" width="8.625" customWidth="1"/>
    <col min="14091" max="14091" width="12.875" customWidth="1"/>
    <col min="14092" max="14093" width="10.625" customWidth="1"/>
    <col min="14340" max="14340" width="9.25" customWidth="1"/>
    <col min="14341" max="14341" width="11.5" customWidth="1"/>
    <col min="14342" max="14342" width="9.25" customWidth="1"/>
    <col min="14343" max="14343" width="11.25" customWidth="1"/>
    <col min="14344" max="14344" width="14.5" customWidth="1"/>
    <col min="14345" max="14345" width="10.625" customWidth="1"/>
    <col min="14346" max="14346" width="8.625" customWidth="1"/>
    <col min="14347" max="14347" width="12.875" customWidth="1"/>
    <col min="14348" max="14349" width="10.625" customWidth="1"/>
    <col min="14596" max="14596" width="9.25" customWidth="1"/>
    <col min="14597" max="14597" width="11.5" customWidth="1"/>
    <col min="14598" max="14598" width="9.25" customWidth="1"/>
    <col min="14599" max="14599" width="11.25" customWidth="1"/>
    <col min="14600" max="14600" width="14.5" customWidth="1"/>
    <col min="14601" max="14601" width="10.625" customWidth="1"/>
    <col min="14602" max="14602" width="8.625" customWidth="1"/>
    <col min="14603" max="14603" width="12.875" customWidth="1"/>
    <col min="14604" max="14605" width="10.625" customWidth="1"/>
    <col min="14852" max="14852" width="9.25" customWidth="1"/>
    <col min="14853" max="14853" width="11.5" customWidth="1"/>
    <col min="14854" max="14854" width="9.25" customWidth="1"/>
    <col min="14855" max="14855" width="11.25" customWidth="1"/>
    <col min="14856" max="14856" width="14.5" customWidth="1"/>
    <col min="14857" max="14857" width="10.625" customWidth="1"/>
    <col min="14858" max="14858" width="8.625" customWidth="1"/>
    <col min="14859" max="14859" width="12.875" customWidth="1"/>
    <col min="14860" max="14861" width="10.625" customWidth="1"/>
    <col min="15108" max="15108" width="9.25" customWidth="1"/>
    <col min="15109" max="15109" width="11.5" customWidth="1"/>
    <col min="15110" max="15110" width="9.25" customWidth="1"/>
    <col min="15111" max="15111" width="11.25" customWidth="1"/>
    <col min="15112" max="15112" width="14.5" customWidth="1"/>
    <col min="15113" max="15113" width="10.625" customWidth="1"/>
    <col min="15114" max="15114" width="8.625" customWidth="1"/>
    <col min="15115" max="15115" width="12.875" customWidth="1"/>
    <col min="15116" max="15117" width="10.625" customWidth="1"/>
    <col min="15364" max="15364" width="9.25" customWidth="1"/>
    <col min="15365" max="15365" width="11.5" customWidth="1"/>
    <col min="15366" max="15366" width="9.25" customWidth="1"/>
    <col min="15367" max="15367" width="11.25" customWidth="1"/>
    <col min="15368" max="15368" width="14.5" customWidth="1"/>
    <col min="15369" max="15369" width="10.625" customWidth="1"/>
    <col min="15370" max="15370" width="8.625" customWidth="1"/>
    <col min="15371" max="15371" width="12.875" customWidth="1"/>
    <col min="15372" max="15373" width="10.625" customWidth="1"/>
    <col min="15620" max="15620" width="9.25" customWidth="1"/>
    <col min="15621" max="15621" width="11.5" customWidth="1"/>
    <col min="15622" max="15622" width="9.25" customWidth="1"/>
    <col min="15623" max="15623" width="11.25" customWidth="1"/>
    <col min="15624" max="15624" width="14.5" customWidth="1"/>
    <col min="15625" max="15625" width="10.625" customWidth="1"/>
    <col min="15626" max="15626" width="8.625" customWidth="1"/>
    <col min="15627" max="15627" width="12.875" customWidth="1"/>
    <col min="15628" max="15629" width="10.625" customWidth="1"/>
    <col min="15876" max="15876" width="9.25" customWidth="1"/>
    <col min="15877" max="15877" width="11.5" customWidth="1"/>
    <col min="15878" max="15878" width="9.25" customWidth="1"/>
    <col min="15879" max="15879" width="11.25" customWidth="1"/>
    <col min="15880" max="15880" width="14.5" customWidth="1"/>
    <col min="15881" max="15881" width="10.625" customWidth="1"/>
    <col min="15882" max="15882" width="8.625" customWidth="1"/>
    <col min="15883" max="15883" width="12.875" customWidth="1"/>
    <col min="15884" max="15885" width="10.625" customWidth="1"/>
    <col min="16132" max="16132" width="9.25" customWidth="1"/>
    <col min="16133" max="16133" width="11.5" customWidth="1"/>
    <col min="16134" max="16134" width="9.25" customWidth="1"/>
    <col min="16135" max="16135" width="11.25" customWidth="1"/>
    <col min="16136" max="16136" width="14.5" customWidth="1"/>
    <col min="16137" max="16137" width="10.625" customWidth="1"/>
    <col min="16138" max="16138" width="8.625" customWidth="1"/>
    <col min="16139" max="16139" width="12.875" customWidth="1"/>
    <col min="16140" max="16141" width="10.625" customWidth="1"/>
  </cols>
  <sheetData>
    <row r="1" spans="1:11" s="1" customFormat="1" ht="26.25" customHeight="1" x14ac:dyDescent="0.15">
      <c r="A1" s="108" t="s">
        <v>11</v>
      </c>
      <c r="B1" s="108"/>
      <c r="C1" s="108"/>
      <c r="D1" s="108"/>
      <c r="E1" s="108"/>
      <c r="F1" s="108"/>
      <c r="G1" s="108"/>
      <c r="H1" s="108"/>
      <c r="I1" s="108"/>
      <c r="J1" s="108"/>
      <c r="K1" s="108"/>
    </row>
    <row r="2" spans="1:11" s="1" customFormat="1" ht="26.25" customHeight="1" x14ac:dyDescent="0.15">
      <c r="C2" s="18"/>
      <c r="D2" s="25"/>
      <c r="E2" s="18"/>
      <c r="F2" s="25"/>
      <c r="G2" s="18"/>
      <c r="H2" s="18"/>
      <c r="I2" s="25"/>
    </row>
    <row r="3" spans="1:11" s="1" customFormat="1" ht="26.25" customHeight="1" x14ac:dyDescent="0.15">
      <c r="H3" s="109" t="s">
        <v>10</v>
      </c>
      <c r="I3" s="109"/>
      <c r="J3" s="109"/>
      <c r="K3" s="109"/>
    </row>
    <row r="4" spans="1:11" s="1" customFormat="1" ht="26.25" customHeight="1" x14ac:dyDescent="0.15">
      <c r="A4" s="110" t="s">
        <v>9</v>
      </c>
      <c r="B4" s="110"/>
    </row>
    <row r="5" spans="1:11" s="1" customFormat="1" ht="26.25" customHeight="1" x14ac:dyDescent="0.15">
      <c r="D5" s="100" t="s">
        <v>22</v>
      </c>
      <c r="E5" s="100"/>
      <c r="F5" s="42" t="s">
        <v>8</v>
      </c>
      <c r="G5" s="17"/>
      <c r="H5" s="17"/>
      <c r="I5" s="17"/>
      <c r="J5" s="17"/>
      <c r="K5" s="17"/>
    </row>
    <row r="6" spans="1:11" s="1" customFormat="1" ht="26.25" customHeight="1" x14ac:dyDescent="0.15">
      <c r="D6" s="100"/>
      <c r="E6" s="100"/>
      <c r="F6" s="43" t="s">
        <v>20</v>
      </c>
      <c r="G6" s="16"/>
      <c r="H6" s="15"/>
      <c r="I6" s="15"/>
      <c r="J6" s="15"/>
      <c r="K6" s="14"/>
    </row>
    <row r="7" spans="1:11" s="1" customFormat="1" ht="26.25" customHeight="1" x14ac:dyDescent="0.15">
      <c r="F7" s="44" t="s">
        <v>21</v>
      </c>
      <c r="G7" s="20"/>
      <c r="H7" s="111" t="s">
        <v>25</v>
      </c>
      <c r="I7" s="111"/>
      <c r="J7" s="111"/>
      <c r="K7" s="111"/>
    </row>
    <row r="8" spans="1:11" s="1" customFormat="1" ht="26.25" customHeight="1" x14ac:dyDescent="0.15"/>
    <row r="9" spans="1:11" s="1" customFormat="1" ht="26.25" customHeight="1" x14ac:dyDescent="0.15">
      <c r="A9" s="112" t="s">
        <v>7</v>
      </c>
      <c r="B9" s="112"/>
      <c r="C9" s="112"/>
      <c r="D9" s="112"/>
      <c r="E9" s="112"/>
      <c r="F9" s="112"/>
      <c r="G9" s="112"/>
      <c r="H9" s="112"/>
      <c r="I9" s="112"/>
      <c r="J9" s="112"/>
      <c r="K9" s="112"/>
    </row>
    <row r="10" spans="1:11" s="1" customFormat="1" ht="26.25" customHeight="1" x14ac:dyDescent="0.15">
      <c r="A10" s="112"/>
      <c r="B10" s="112"/>
      <c r="C10" s="112"/>
      <c r="D10" s="112"/>
      <c r="E10" s="112"/>
      <c r="F10" s="112"/>
      <c r="G10" s="112"/>
      <c r="H10" s="112"/>
      <c r="I10" s="112"/>
      <c r="J10" s="112"/>
      <c r="K10" s="112"/>
    </row>
    <row r="11" spans="1:11" s="1" customFormat="1" ht="15" customHeight="1" x14ac:dyDescent="0.15">
      <c r="A11" s="112"/>
      <c r="B11" s="112"/>
      <c r="C11" s="112"/>
      <c r="D11" s="112"/>
      <c r="E11" s="112"/>
      <c r="F11" s="112"/>
      <c r="G11" s="112"/>
      <c r="H11" s="112"/>
      <c r="I11" s="112"/>
      <c r="J11" s="112"/>
      <c r="K11" s="112"/>
    </row>
    <row r="12" spans="1:11" s="1" customFormat="1" ht="26.25" customHeight="1" x14ac:dyDescent="0.15">
      <c r="A12" s="112"/>
      <c r="B12" s="112"/>
      <c r="C12" s="112"/>
      <c r="D12" s="112"/>
      <c r="E12" s="112"/>
      <c r="F12" s="112"/>
      <c r="G12" s="112"/>
      <c r="H12" s="112"/>
      <c r="I12" s="112"/>
      <c r="J12" s="112"/>
      <c r="K12" s="112"/>
    </row>
    <row r="13" spans="1:11" s="1" customFormat="1" ht="30" customHeight="1" x14ac:dyDescent="0.15">
      <c r="B13" s="28" t="s">
        <v>6</v>
      </c>
      <c r="C13" s="94"/>
      <c r="D13" s="95"/>
      <c r="E13" s="95"/>
      <c r="F13" s="95"/>
      <c r="G13" s="95"/>
      <c r="H13" s="95"/>
      <c r="I13" s="95"/>
      <c r="J13" s="96"/>
    </row>
    <row r="14" spans="1:11" s="1" customFormat="1" ht="18.75" customHeight="1" x14ac:dyDescent="0.15">
      <c r="B14" s="98" t="s">
        <v>15</v>
      </c>
      <c r="C14" s="21" t="s">
        <v>14</v>
      </c>
      <c r="D14" s="39"/>
      <c r="E14" s="22"/>
      <c r="F14" s="22"/>
      <c r="G14" s="22"/>
      <c r="H14" s="22"/>
      <c r="I14" s="22"/>
      <c r="J14" s="23"/>
    </row>
    <row r="15" spans="1:11" s="1" customFormat="1" ht="30" customHeight="1" x14ac:dyDescent="0.15">
      <c r="B15" s="99"/>
      <c r="C15" s="27"/>
      <c r="D15" s="22"/>
      <c r="E15" s="22"/>
      <c r="F15" s="22"/>
      <c r="G15" s="22"/>
      <c r="H15" s="22"/>
      <c r="I15" s="22"/>
      <c r="J15" s="23"/>
    </row>
    <row r="16" spans="1:11" s="1" customFormat="1" ht="30" customHeight="1" thickBot="1" x14ac:dyDescent="0.2">
      <c r="B16" s="99"/>
      <c r="C16" s="29"/>
      <c r="D16" s="30"/>
      <c r="E16" s="30"/>
      <c r="F16" s="30"/>
      <c r="G16" s="30"/>
      <c r="H16" s="30"/>
      <c r="I16" s="30"/>
      <c r="J16" s="31"/>
    </row>
    <row r="17" spans="2:10" s="1" customFormat="1" ht="18.75" customHeight="1" x14ac:dyDescent="0.15">
      <c r="B17" s="102" t="s">
        <v>16</v>
      </c>
      <c r="C17" s="105" t="s">
        <v>26</v>
      </c>
      <c r="D17" s="40" t="s">
        <v>33</v>
      </c>
      <c r="E17" s="36"/>
      <c r="F17" s="36"/>
      <c r="G17" s="36"/>
      <c r="H17" s="36"/>
      <c r="I17" s="36"/>
      <c r="J17" s="37"/>
    </row>
    <row r="18" spans="2:10" s="1" customFormat="1" ht="30" customHeight="1" x14ac:dyDescent="0.15">
      <c r="B18" s="103"/>
      <c r="C18" s="106"/>
      <c r="D18" s="70"/>
      <c r="E18" s="13"/>
      <c r="F18" s="13"/>
      <c r="G18" s="13"/>
      <c r="H18" s="13"/>
      <c r="I18" s="13"/>
      <c r="J18" s="50"/>
    </row>
    <row r="19" spans="2:10" s="1" customFormat="1" ht="30" customHeight="1" x14ac:dyDescent="0.15">
      <c r="B19" s="103"/>
      <c r="C19" s="107"/>
      <c r="D19" s="12"/>
      <c r="E19" s="12"/>
      <c r="F19" s="12"/>
      <c r="G19" s="12"/>
      <c r="H19" s="12"/>
      <c r="I19" s="12"/>
      <c r="J19" s="38"/>
    </row>
    <row r="20" spans="2:10" s="1" customFormat="1" ht="30" customHeight="1" x14ac:dyDescent="0.15">
      <c r="B20" s="103"/>
      <c r="C20" s="87" t="s">
        <v>27</v>
      </c>
      <c r="D20" s="51"/>
      <c r="E20" s="52"/>
      <c r="F20" s="51"/>
      <c r="G20" s="54"/>
      <c r="H20" s="51"/>
      <c r="I20" s="51"/>
      <c r="J20" s="53"/>
    </row>
    <row r="21" spans="2:10" s="1" customFormat="1" ht="30" customHeight="1" x14ac:dyDescent="0.15">
      <c r="B21" s="104"/>
      <c r="C21" s="88"/>
      <c r="E21" s="34" t="s">
        <v>28</v>
      </c>
      <c r="F21" s="33"/>
      <c r="G21" s="63"/>
      <c r="H21" s="33"/>
      <c r="I21" s="33"/>
      <c r="J21" s="64"/>
    </row>
    <row r="22" spans="2:10" s="1" customFormat="1" ht="30" customHeight="1" thickBot="1" x14ac:dyDescent="0.2">
      <c r="B22" s="49" t="s">
        <v>5</v>
      </c>
      <c r="C22" s="82" t="s">
        <v>4</v>
      </c>
      <c r="D22" s="83"/>
      <c r="E22" s="97"/>
      <c r="F22" s="83" t="s">
        <v>35</v>
      </c>
      <c r="G22" s="83"/>
      <c r="H22" s="83"/>
      <c r="I22" s="83"/>
      <c r="J22" s="101"/>
    </row>
    <row r="23" spans="2:10" s="1" customFormat="1" ht="20.25" customHeight="1" x14ac:dyDescent="0.15">
      <c r="B23" s="91" t="s">
        <v>17</v>
      </c>
      <c r="C23" s="60" t="s">
        <v>29</v>
      </c>
      <c r="D23" s="56"/>
      <c r="E23" s="57"/>
      <c r="F23" s="56"/>
      <c r="G23" s="56"/>
      <c r="H23" s="56"/>
      <c r="I23" s="56"/>
      <c r="J23" s="58"/>
    </row>
    <row r="24" spans="2:10" s="1" customFormat="1" ht="20.25" customHeight="1" x14ac:dyDescent="0.15">
      <c r="B24" s="92"/>
      <c r="C24" s="61" t="s">
        <v>43</v>
      </c>
      <c r="D24" s="26"/>
      <c r="E24" s="55"/>
      <c r="F24" s="26"/>
      <c r="G24" s="26"/>
      <c r="H24" s="26"/>
      <c r="I24" s="26"/>
      <c r="J24" s="59"/>
    </row>
    <row r="25" spans="2:10" s="1" customFormat="1" ht="53.25" customHeight="1" x14ac:dyDescent="0.15">
      <c r="B25" s="93"/>
      <c r="C25" s="62" t="s">
        <v>24</v>
      </c>
      <c r="D25" s="45"/>
      <c r="E25" s="32"/>
      <c r="F25" s="32"/>
      <c r="G25" s="33"/>
      <c r="H25" s="34"/>
      <c r="I25" s="34"/>
      <c r="J25" s="35"/>
    </row>
    <row r="26" spans="2:10" s="1" customFormat="1" ht="26.25" customHeight="1" x14ac:dyDescent="0.15">
      <c r="B26" s="114"/>
      <c r="C26" s="114"/>
      <c r="D26" s="114"/>
      <c r="E26" s="114"/>
      <c r="F26" s="24"/>
    </row>
    <row r="27" spans="2:10" s="1" customFormat="1" ht="15" hidden="1" customHeight="1" x14ac:dyDescent="0.15">
      <c r="B27" s="19"/>
      <c r="C27" s="19"/>
      <c r="D27" s="24"/>
      <c r="E27" s="19"/>
      <c r="F27" s="24"/>
    </row>
    <row r="28" spans="2:10" s="1" customFormat="1" ht="26.25" hidden="1" customHeight="1" x14ac:dyDescent="0.15">
      <c r="E28" s="1" t="s">
        <v>3</v>
      </c>
      <c r="G28" s="8"/>
      <c r="H28" s="8"/>
      <c r="I28" s="8"/>
      <c r="J28" s="7"/>
    </row>
    <row r="29" spans="2:10" s="1" customFormat="1" ht="15" hidden="1" customHeight="1" x14ac:dyDescent="0.15">
      <c r="E29" s="10"/>
      <c r="F29" s="10"/>
      <c r="G29" s="10"/>
      <c r="H29" s="10"/>
      <c r="I29" s="10"/>
      <c r="J29" s="10"/>
    </row>
    <row r="30" spans="2:10" s="1" customFormat="1" ht="26.25" hidden="1" customHeight="1" x14ac:dyDescent="0.15">
      <c r="E30" s="8" t="s">
        <v>23</v>
      </c>
      <c r="F30" s="9"/>
      <c r="G30" s="8"/>
      <c r="H30" s="8"/>
      <c r="I30" s="8"/>
      <c r="J30" s="7"/>
    </row>
    <row r="31" spans="2:10" s="1" customFormat="1" ht="15" hidden="1" customHeight="1" x14ac:dyDescent="0.15">
      <c r="E31" s="6"/>
      <c r="F31" s="6"/>
      <c r="G31" s="3"/>
      <c r="H31" s="3"/>
      <c r="I31" s="3"/>
      <c r="J31" s="3"/>
    </row>
    <row r="32" spans="2:10" s="1" customFormat="1" ht="26.25" customHeight="1" thickBot="1" x14ac:dyDescent="0.2">
      <c r="B32" s="5"/>
      <c r="C32" s="5"/>
      <c r="D32" s="5"/>
      <c r="E32" s="4"/>
      <c r="F32" s="4"/>
      <c r="G32" s="4"/>
      <c r="H32" s="4"/>
      <c r="I32" s="4"/>
      <c r="J32" s="4"/>
    </row>
    <row r="33" spans="2:10" s="1" customFormat="1" ht="15" customHeight="1" x14ac:dyDescent="0.15">
      <c r="B33" s="113" t="s">
        <v>2</v>
      </c>
      <c r="C33" s="113"/>
      <c r="D33" s="11"/>
      <c r="E33" s="3"/>
      <c r="F33" s="3"/>
      <c r="G33" s="3"/>
      <c r="H33" s="3"/>
      <c r="I33" s="3"/>
      <c r="J33" s="3"/>
    </row>
    <row r="34" spans="2:10" s="1" customFormat="1" ht="15" customHeight="1" x14ac:dyDescent="0.15">
      <c r="B34" s="2"/>
      <c r="C34" s="2"/>
      <c r="D34" s="79" t="s">
        <v>1</v>
      </c>
      <c r="E34" s="80"/>
      <c r="F34" s="80"/>
      <c r="G34" s="80"/>
      <c r="H34" s="80"/>
      <c r="I34" s="80"/>
      <c r="J34" s="81"/>
    </row>
    <row r="35" spans="2:10" s="1" customFormat="1" ht="15" customHeight="1" x14ac:dyDescent="0.15">
      <c r="B35" s="2"/>
      <c r="C35" s="11"/>
      <c r="D35" s="87" t="s">
        <v>18</v>
      </c>
      <c r="E35" s="82" t="s">
        <v>0</v>
      </c>
      <c r="F35" s="84"/>
      <c r="G35" s="82" t="s">
        <v>47</v>
      </c>
      <c r="H35" s="83"/>
      <c r="I35" s="83"/>
      <c r="J35" s="84"/>
    </row>
    <row r="36" spans="2:10" s="1" customFormat="1" ht="15" customHeight="1" x14ac:dyDescent="0.15">
      <c r="B36" s="2"/>
      <c r="C36" s="11"/>
      <c r="D36" s="88"/>
      <c r="E36" s="85"/>
      <c r="F36" s="86"/>
      <c r="G36" s="79" t="s">
        <v>48</v>
      </c>
      <c r="H36" s="80"/>
      <c r="I36" s="80"/>
      <c r="J36" s="81"/>
    </row>
    <row r="37" spans="2:10" s="1" customFormat="1" ht="20.25" customHeight="1" x14ac:dyDescent="0.15">
      <c r="B37" s="2"/>
      <c r="C37" s="11"/>
      <c r="D37" s="89" t="s">
        <v>44</v>
      </c>
      <c r="E37" s="82" t="s">
        <v>19</v>
      </c>
      <c r="F37" s="84"/>
      <c r="G37" s="79" t="s">
        <v>46</v>
      </c>
      <c r="H37" s="80"/>
      <c r="I37" s="80"/>
      <c r="J37" s="81"/>
    </row>
    <row r="38" spans="2:10" s="1" customFormat="1" ht="39" customHeight="1" x14ac:dyDescent="0.15">
      <c r="B38" s="2"/>
      <c r="C38" s="11"/>
      <c r="D38" s="90"/>
      <c r="E38" s="85"/>
      <c r="F38" s="86"/>
      <c r="G38" s="66"/>
      <c r="H38" s="33"/>
      <c r="I38" s="33"/>
      <c r="J38" s="41"/>
    </row>
    <row r="39" spans="2:10" s="1" customFormat="1" ht="15" customHeight="1" x14ac:dyDescent="0.15">
      <c r="B39" s="2"/>
      <c r="C39" s="11"/>
      <c r="D39" s="87" t="s">
        <v>45</v>
      </c>
      <c r="E39" s="82" t="s">
        <v>19</v>
      </c>
      <c r="F39" s="84"/>
      <c r="G39" s="65"/>
      <c r="H39" s="77"/>
      <c r="I39" s="77"/>
      <c r="J39" s="78"/>
    </row>
    <row r="40" spans="2:10" s="1" customFormat="1" ht="30" customHeight="1" x14ac:dyDescent="0.15">
      <c r="B40" s="2"/>
      <c r="C40" s="11"/>
      <c r="D40" s="88"/>
      <c r="E40" s="85"/>
      <c r="F40" s="86"/>
      <c r="G40" s="66"/>
      <c r="H40" s="33"/>
      <c r="I40" s="33"/>
      <c r="J40" s="41"/>
    </row>
    <row r="41" spans="2:10" s="1" customFormat="1" ht="26.25" customHeight="1" x14ac:dyDescent="0.15"/>
    <row r="42" spans="2:10" s="1" customFormat="1" ht="26.25" customHeight="1" x14ac:dyDescent="0.15"/>
    <row r="43" spans="2:10" s="1" customFormat="1" ht="26.25" customHeight="1" x14ac:dyDescent="0.15"/>
    <row r="44" spans="2:10" s="1" customFormat="1" ht="26.25" customHeight="1" x14ac:dyDescent="0.15"/>
    <row r="45" spans="2:10" ht="26.25" customHeight="1" x14ac:dyDescent="0.15"/>
    <row r="46" spans="2:10" ht="26.25" customHeight="1" x14ac:dyDescent="0.15"/>
    <row r="47" spans="2:10" ht="26.25" customHeight="1" x14ac:dyDescent="0.15"/>
    <row r="48" spans="2:10" ht="26.25" customHeight="1" x14ac:dyDescent="0.15"/>
    <row r="49" ht="26.25" customHeight="1" x14ac:dyDescent="0.15"/>
    <row r="50" ht="26.25" customHeight="1" x14ac:dyDescent="0.15"/>
    <row r="51" ht="26.25" customHeight="1" x14ac:dyDescent="0.15"/>
    <row r="52" ht="26.25" customHeight="1" x14ac:dyDescent="0.15"/>
  </sheetData>
  <mergeCells count="26">
    <mergeCell ref="B33:C33"/>
    <mergeCell ref="B26:E26"/>
    <mergeCell ref="A1:K1"/>
    <mergeCell ref="H3:K3"/>
    <mergeCell ref="A4:B4"/>
    <mergeCell ref="H7:K7"/>
    <mergeCell ref="A9:K12"/>
    <mergeCell ref="B23:B25"/>
    <mergeCell ref="C13:J13"/>
    <mergeCell ref="C22:E22"/>
    <mergeCell ref="B14:B16"/>
    <mergeCell ref="D5:E6"/>
    <mergeCell ref="F22:J22"/>
    <mergeCell ref="B17:B21"/>
    <mergeCell ref="C17:C19"/>
    <mergeCell ref="C20:C21"/>
    <mergeCell ref="D39:D40"/>
    <mergeCell ref="E37:F38"/>
    <mergeCell ref="E39:F40"/>
    <mergeCell ref="G35:J35"/>
    <mergeCell ref="G36:J36"/>
    <mergeCell ref="D34:J34"/>
    <mergeCell ref="G37:J37"/>
    <mergeCell ref="E35:F36"/>
    <mergeCell ref="D35:D36"/>
    <mergeCell ref="D37:D38"/>
  </mergeCells>
  <phoneticPr fontId="2"/>
  <printOptions horizontalCentered="1" verticalCentered="1"/>
  <pageMargins left="0.78740157480314965" right="0.78740157480314965" top="0.70866141732283472" bottom="0.59055118110236227" header="0" footer="0.51181102362204722"/>
  <pageSetup paperSize="9" scale="89" orientation="portrait" horizontalDpi="300" verticalDpi="30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K45"/>
  <sheetViews>
    <sheetView tabSelected="1" view="pageBreakPreview" topLeftCell="A20" zoomScale="60" zoomScaleNormal="100" workbookViewId="0">
      <selection activeCell="G36" sqref="G36:J36"/>
    </sheetView>
  </sheetViews>
  <sheetFormatPr defaultRowHeight="13.5" x14ac:dyDescent="0.15"/>
  <cols>
    <col min="1" max="1" width="5" customWidth="1"/>
    <col min="2" max="2" width="14.5" customWidth="1"/>
    <col min="3" max="3" width="5.75" customWidth="1"/>
    <col min="4" max="4" width="7.875" customWidth="1"/>
    <col min="5" max="5" width="9.375" customWidth="1"/>
    <col min="6" max="6" width="9" customWidth="1"/>
    <col min="7" max="7" width="5.625" customWidth="1"/>
    <col min="8" max="8" width="5.25" customWidth="1"/>
    <col min="9" max="9" width="6.875" customWidth="1"/>
    <col min="10" max="10" width="14.5" customWidth="1"/>
    <col min="11" max="11" width="5.125" customWidth="1"/>
    <col min="12" max="13" width="10.625" customWidth="1"/>
    <col min="260" max="260" width="9.25" customWidth="1"/>
    <col min="261" max="261" width="11.5" customWidth="1"/>
    <col min="262" max="262" width="9.25" customWidth="1"/>
    <col min="263" max="263" width="11.25" customWidth="1"/>
    <col min="264" max="264" width="14.5" customWidth="1"/>
    <col min="265" max="265" width="10.625" customWidth="1"/>
    <col min="266" max="266" width="8.625" customWidth="1"/>
    <col min="267" max="267" width="12.875" customWidth="1"/>
    <col min="268" max="269" width="10.625" customWidth="1"/>
    <col min="516" max="516" width="9.25" customWidth="1"/>
    <col min="517" max="517" width="11.5" customWidth="1"/>
    <col min="518" max="518" width="9.25" customWidth="1"/>
    <col min="519" max="519" width="11.25" customWidth="1"/>
    <col min="520" max="520" width="14.5" customWidth="1"/>
    <col min="521" max="521" width="10.625" customWidth="1"/>
    <col min="522" max="522" width="8.625" customWidth="1"/>
    <col min="523" max="523" width="12.875" customWidth="1"/>
    <col min="524" max="525" width="10.625" customWidth="1"/>
    <col min="772" max="772" width="9.25" customWidth="1"/>
    <col min="773" max="773" width="11.5" customWidth="1"/>
    <col min="774" max="774" width="9.25" customWidth="1"/>
    <col min="775" max="775" width="11.25" customWidth="1"/>
    <col min="776" max="776" width="14.5" customWidth="1"/>
    <col min="777" max="777" width="10.625" customWidth="1"/>
    <col min="778" max="778" width="8.625" customWidth="1"/>
    <col min="779" max="779" width="12.875" customWidth="1"/>
    <col min="780" max="781" width="10.625" customWidth="1"/>
    <col min="1028" max="1028" width="9.25" customWidth="1"/>
    <col min="1029" max="1029" width="11.5" customWidth="1"/>
    <col min="1030" max="1030" width="9.25" customWidth="1"/>
    <col min="1031" max="1031" width="11.25" customWidth="1"/>
    <col min="1032" max="1032" width="14.5" customWidth="1"/>
    <col min="1033" max="1033" width="10.625" customWidth="1"/>
    <col min="1034" max="1034" width="8.625" customWidth="1"/>
    <col min="1035" max="1035" width="12.875" customWidth="1"/>
    <col min="1036" max="1037" width="10.625" customWidth="1"/>
    <col min="1284" max="1284" width="9.25" customWidth="1"/>
    <col min="1285" max="1285" width="11.5" customWidth="1"/>
    <col min="1286" max="1286" width="9.25" customWidth="1"/>
    <col min="1287" max="1287" width="11.25" customWidth="1"/>
    <col min="1288" max="1288" width="14.5" customWidth="1"/>
    <col min="1289" max="1289" width="10.625" customWidth="1"/>
    <col min="1290" max="1290" width="8.625" customWidth="1"/>
    <col min="1291" max="1291" width="12.875" customWidth="1"/>
    <col min="1292" max="1293" width="10.625" customWidth="1"/>
    <col min="1540" max="1540" width="9.25" customWidth="1"/>
    <col min="1541" max="1541" width="11.5" customWidth="1"/>
    <col min="1542" max="1542" width="9.25" customWidth="1"/>
    <col min="1543" max="1543" width="11.25" customWidth="1"/>
    <col min="1544" max="1544" width="14.5" customWidth="1"/>
    <col min="1545" max="1545" width="10.625" customWidth="1"/>
    <col min="1546" max="1546" width="8.625" customWidth="1"/>
    <col min="1547" max="1547" width="12.875" customWidth="1"/>
    <col min="1548" max="1549" width="10.625" customWidth="1"/>
    <col min="1796" max="1796" width="9.25" customWidth="1"/>
    <col min="1797" max="1797" width="11.5" customWidth="1"/>
    <col min="1798" max="1798" width="9.25" customWidth="1"/>
    <col min="1799" max="1799" width="11.25" customWidth="1"/>
    <col min="1800" max="1800" width="14.5" customWidth="1"/>
    <col min="1801" max="1801" width="10.625" customWidth="1"/>
    <col min="1802" max="1802" width="8.625" customWidth="1"/>
    <col min="1803" max="1803" width="12.875" customWidth="1"/>
    <col min="1804" max="1805" width="10.625" customWidth="1"/>
    <col min="2052" max="2052" width="9.25" customWidth="1"/>
    <col min="2053" max="2053" width="11.5" customWidth="1"/>
    <col min="2054" max="2054" width="9.25" customWidth="1"/>
    <col min="2055" max="2055" width="11.25" customWidth="1"/>
    <col min="2056" max="2056" width="14.5" customWidth="1"/>
    <col min="2057" max="2057" width="10.625" customWidth="1"/>
    <col min="2058" max="2058" width="8.625" customWidth="1"/>
    <col min="2059" max="2059" width="12.875" customWidth="1"/>
    <col min="2060" max="2061" width="10.625" customWidth="1"/>
    <col min="2308" max="2308" width="9.25" customWidth="1"/>
    <col min="2309" max="2309" width="11.5" customWidth="1"/>
    <col min="2310" max="2310" width="9.25" customWidth="1"/>
    <col min="2311" max="2311" width="11.25" customWidth="1"/>
    <col min="2312" max="2312" width="14.5" customWidth="1"/>
    <col min="2313" max="2313" width="10.625" customWidth="1"/>
    <col min="2314" max="2314" width="8.625" customWidth="1"/>
    <col min="2315" max="2315" width="12.875" customWidth="1"/>
    <col min="2316" max="2317" width="10.625" customWidth="1"/>
    <col min="2564" max="2564" width="9.25" customWidth="1"/>
    <col min="2565" max="2565" width="11.5" customWidth="1"/>
    <col min="2566" max="2566" width="9.25" customWidth="1"/>
    <col min="2567" max="2567" width="11.25" customWidth="1"/>
    <col min="2568" max="2568" width="14.5" customWidth="1"/>
    <col min="2569" max="2569" width="10.625" customWidth="1"/>
    <col min="2570" max="2570" width="8.625" customWidth="1"/>
    <col min="2571" max="2571" width="12.875" customWidth="1"/>
    <col min="2572" max="2573" width="10.625" customWidth="1"/>
    <col min="2820" max="2820" width="9.25" customWidth="1"/>
    <col min="2821" max="2821" width="11.5" customWidth="1"/>
    <col min="2822" max="2822" width="9.25" customWidth="1"/>
    <col min="2823" max="2823" width="11.25" customWidth="1"/>
    <col min="2824" max="2824" width="14.5" customWidth="1"/>
    <col min="2825" max="2825" width="10.625" customWidth="1"/>
    <col min="2826" max="2826" width="8.625" customWidth="1"/>
    <col min="2827" max="2827" width="12.875" customWidth="1"/>
    <col min="2828" max="2829" width="10.625" customWidth="1"/>
    <col min="3076" max="3076" width="9.25" customWidth="1"/>
    <col min="3077" max="3077" width="11.5" customWidth="1"/>
    <col min="3078" max="3078" width="9.25" customWidth="1"/>
    <col min="3079" max="3079" width="11.25" customWidth="1"/>
    <col min="3080" max="3080" width="14.5" customWidth="1"/>
    <col min="3081" max="3081" width="10.625" customWidth="1"/>
    <col min="3082" max="3082" width="8.625" customWidth="1"/>
    <col min="3083" max="3083" width="12.875" customWidth="1"/>
    <col min="3084" max="3085" width="10.625" customWidth="1"/>
    <col min="3332" max="3332" width="9.25" customWidth="1"/>
    <col min="3333" max="3333" width="11.5" customWidth="1"/>
    <col min="3334" max="3334" width="9.25" customWidth="1"/>
    <col min="3335" max="3335" width="11.25" customWidth="1"/>
    <col min="3336" max="3336" width="14.5" customWidth="1"/>
    <col min="3337" max="3337" width="10.625" customWidth="1"/>
    <col min="3338" max="3338" width="8.625" customWidth="1"/>
    <col min="3339" max="3339" width="12.875" customWidth="1"/>
    <col min="3340" max="3341" width="10.625" customWidth="1"/>
    <col min="3588" max="3588" width="9.25" customWidth="1"/>
    <col min="3589" max="3589" width="11.5" customWidth="1"/>
    <col min="3590" max="3590" width="9.25" customWidth="1"/>
    <col min="3591" max="3591" width="11.25" customWidth="1"/>
    <col min="3592" max="3592" width="14.5" customWidth="1"/>
    <col min="3593" max="3593" width="10.625" customWidth="1"/>
    <col min="3594" max="3594" width="8.625" customWidth="1"/>
    <col min="3595" max="3595" width="12.875" customWidth="1"/>
    <col min="3596" max="3597" width="10.625" customWidth="1"/>
    <col min="3844" max="3844" width="9.25" customWidth="1"/>
    <col min="3845" max="3845" width="11.5" customWidth="1"/>
    <col min="3846" max="3846" width="9.25" customWidth="1"/>
    <col min="3847" max="3847" width="11.25" customWidth="1"/>
    <col min="3848" max="3848" width="14.5" customWidth="1"/>
    <col min="3849" max="3849" width="10.625" customWidth="1"/>
    <col min="3850" max="3850" width="8.625" customWidth="1"/>
    <col min="3851" max="3851" width="12.875" customWidth="1"/>
    <col min="3852" max="3853" width="10.625" customWidth="1"/>
    <col min="4100" max="4100" width="9.25" customWidth="1"/>
    <col min="4101" max="4101" width="11.5" customWidth="1"/>
    <col min="4102" max="4102" width="9.25" customWidth="1"/>
    <col min="4103" max="4103" width="11.25" customWidth="1"/>
    <col min="4104" max="4104" width="14.5" customWidth="1"/>
    <col min="4105" max="4105" width="10.625" customWidth="1"/>
    <col min="4106" max="4106" width="8.625" customWidth="1"/>
    <col min="4107" max="4107" width="12.875" customWidth="1"/>
    <col min="4108" max="4109" width="10.625" customWidth="1"/>
    <col min="4356" max="4356" width="9.25" customWidth="1"/>
    <col min="4357" max="4357" width="11.5" customWidth="1"/>
    <col min="4358" max="4358" width="9.25" customWidth="1"/>
    <col min="4359" max="4359" width="11.25" customWidth="1"/>
    <col min="4360" max="4360" width="14.5" customWidth="1"/>
    <col min="4361" max="4361" width="10.625" customWidth="1"/>
    <col min="4362" max="4362" width="8.625" customWidth="1"/>
    <col min="4363" max="4363" width="12.875" customWidth="1"/>
    <col min="4364" max="4365" width="10.625" customWidth="1"/>
    <col min="4612" max="4612" width="9.25" customWidth="1"/>
    <col min="4613" max="4613" width="11.5" customWidth="1"/>
    <col min="4614" max="4614" width="9.25" customWidth="1"/>
    <col min="4615" max="4615" width="11.25" customWidth="1"/>
    <col min="4616" max="4616" width="14.5" customWidth="1"/>
    <col min="4617" max="4617" width="10.625" customWidth="1"/>
    <col min="4618" max="4618" width="8.625" customWidth="1"/>
    <col min="4619" max="4619" width="12.875" customWidth="1"/>
    <col min="4620" max="4621" width="10.625" customWidth="1"/>
    <col min="4868" max="4868" width="9.25" customWidth="1"/>
    <col min="4869" max="4869" width="11.5" customWidth="1"/>
    <col min="4870" max="4870" width="9.25" customWidth="1"/>
    <col min="4871" max="4871" width="11.25" customWidth="1"/>
    <col min="4872" max="4872" width="14.5" customWidth="1"/>
    <col min="4873" max="4873" width="10.625" customWidth="1"/>
    <col min="4874" max="4874" width="8.625" customWidth="1"/>
    <col min="4875" max="4875" width="12.875" customWidth="1"/>
    <col min="4876" max="4877" width="10.625" customWidth="1"/>
    <col min="5124" max="5124" width="9.25" customWidth="1"/>
    <col min="5125" max="5125" width="11.5" customWidth="1"/>
    <col min="5126" max="5126" width="9.25" customWidth="1"/>
    <col min="5127" max="5127" width="11.25" customWidth="1"/>
    <col min="5128" max="5128" width="14.5" customWidth="1"/>
    <col min="5129" max="5129" width="10.625" customWidth="1"/>
    <col min="5130" max="5130" width="8.625" customWidth="1"/>
    <col min="5131" max="5131" width="12.875" customWidth="1"/>
    <col min="5132" max="5133" width="10.625" customWidth="1"/>
    <col min="5380" max="5380" width="9.25" customWidth="1"/>
    <col min="5381" max="5381" width="11.5" customWidth="1"/>
    <col min="5382" max="5382" width="9.25" customWidth="1"/>
    <col min="5383" max="5383" width="11.25" customWidth="1"/>
    <col min="5384" max="5384" width="14.5" customWidth="1"/>
    <col min="5385" max="5385" width="10.625" customWidth="1"/>
    <col min="5386" max="5386" width="8.625" customWidth="1"/>
    <col min="5387" max="5387" width="12.875" customWidth="1"/>
    <col min="5388" max="5389" width="10.625" customWidth="1"/>
    <col min="5636" max="5636" width="9.25" customWidth="1"/>
    <col min="5637" max="5637" width="11.5" customWidth="1"/>
    <col min="5638" max="5638" width="9.25" customWidth="1"/>
    <col min="5639" max="5639" width="11.25" customWidth="1"/>
    <col min="5640" max="5640" width="14.5" customWidth="1"/>
    <col min="5641" max="5641" width="10.625" customWidth="1"/>
    <col min="5642" max="5642" width="8.625" customWidth="1"/>
    <col min="5643" max="5643" width="12.875" customWidth="1"/>
    <col min="5644" max="5645" width="10.625" customWidth="1"/>
    <col min="5892" max="5892" width="9.25" customWidth="1"/>
    <col min="5893" max="5893" width="11.5" customWidth="1"/>
    <col min="5894" max="5894" width="9.25" customWidth="1"/>
    <col min="5895" max="5895" width="11.25" customWidth="1"/>
    <col min="5896" max="5896" width="14.5" customWidth="1"/>
    <col min="5897" max="5897" width="10.625" customWidth="1"/>
    <col min="5898" max="5898" width="8.625" customWidth="1"/>
    <col min="5899" max="5899" width="12.875" customWidth="1"/>
    <col min="5900" max="5901" width="10.625" customWidth="1"/>
    <col min="6148" max="6148" width="9.25" customWidth="1"/>
    <col min="6149" max="6149" width="11.5" customWidth="1"/>
    <col min="6150" max="6150" width="9.25" customWidth="1"/>
    <col min="6151" max="6151" width="11.25" customWidth="1"/>
    <col min="6152" max="6152" width="14.5" customWidth="1"/>
    <col min="6153" max="6153" width="10.625" customWidth="1"/>
    <col min="6154" max="6154" width="8.625" customWidth="1"/>
    <col min="6155" max="6155" width="12.875" customWidth="1"/>
    <col min="6156" max="6157" width="10.625" customWidth="1"/>
    <col min="6404" max="6404" width="9.25" customWidth="1"/>
    <col min="6405" max="6405" width="11.5" customWidth="1"/>
    <col min="6406" max="6406" width="9.25" customWidth="1"/>
    <col min="6407" max="6407" width="11.25" customWidth="1"/>
    <col min="6408" max="6408" width="14.5" customWidth="1"/>
    <col min="6409" max="6409" width="10.625" customWidth="1"/>
    <col min="6410" max="6410" width="8.625" customWidth="1"/>
    <col min="6411" max="6411" width="12.875" customWidth="1"/>
    <col min="6412" max="6413" width="10.625" customWidth="1"/>
    <col min="6660" max="6660" width="9.25" customWidth="1"/>
    <col min="6661" max="6661" width="11.5" customWidth="1"/>
    <col min="6662" max="6662" width="9.25" customWidth="1"/>
    <col min="6663" max="6663" width="11.25" customWidth="1"/>
    <col min="6664" max="6664" width="14.5" customWidth="1"/>
    <col min="6665" max="6665" width="10.625" customWidth="1"/>
    <col min="6666" max="6666" width="8.625" customWidth="1"/>
    <col min="6667" max="6667" width="12.875" customWidth="1"/>
    <col min="6668" max="6669" width="10.625" customWidth="1"/>
    <col min="6916" max="6916" width="9.25" customWidth="1"/>
    <col min="6917" max="6917" width="11.5" customWidth="1"/>
    <col min="6918" max="6918" width="9.25" customWidth="1"/>
    <col min="6919" max="6919" width="11.25" customWidth="1"/>
    <col min="6920" max="6920" width="14.5" customWidth="1"/>
    <col min="6921" max="6921" width="10.625" customWidth="1"/>
    <col min="6922" max="6922" width="8.625" customWidth="1"/>
    <col min="6923" max="6923" width="12.875" customWidth="1"/>
    <col min="6924" max="6925" width="10.625" customWidth="1"/>
    <col min="7172" max="7172" width="9.25" customWidth="1"/>
    <col min="7173" max="7173" width="11.5" customWidth="1"/>
    <col min="7174" max="7174" width="9.25" customWidth="1"/>
    <col min="7175" max="7175" width="11.25" customWidth="1"/>
    <col min="7176" max="7176" width="14.5" customWidth="1"/>
    <col min="7177" max="7177" width="10.625" customWidth="1"/>
    <col min="7178" max="7178" width="8.625" customWidth="1"/>
    <col min="7179" max="7179" width="12.875" customWidth="1"/>
    <col min="7180" max="7181" width="10.625" customWidth="1"/>
    <col min="7428" max="7428" width="9.25" customWidth="1"/>
    <col min="7429" max="7429" width="11.5" customWidth="1"/>
    <col min="7430" max="7430" width="9.25" customWidth="1"/>
    <col min="7431" max="7431" width="11.25" customWidth="1"/>
    <col min="7432" max="7432" width="14.5" customWidth="1"/>
    <col min="7433" max="7433" width="10.625" customWidth="1"/>
    <col min="7434" max="7434" width="8.625" customWidth="1"/>
    <col min="7435" max="7435" width="12.875" customWidth="1"/>
    <col min="7436" max="7437" width="10.625" customWidth="1"/>
    <col min="7684" max="7684" width="9.25" customWidth="1"/>
    <col min="7685" max="7685" width="11.5" customWidth="1"/>
    <col min="7686" max="7686" width="9.25" customWidth="1"/>
    <col min="7687" max="7687" width="11.25" customWidth="1"/>
    <col min="7688" max="7688" width="14.5" customWidth="1"/>
    <col min="7689" max="7689" width="10.625" customWidth="1"/>
    <col min="7690" max="7690" width="8.625" customWidth="1"/>
    <col min="7691" max="7691" width="12.875" customWidth="1"/>
    <col min="7692" max="7693" width="10.625" customWidth="1"/>
    <col min="7940" max="7940" width="9.25" customWidth="1"/>
    <col min="7941" max="7941" width="11.5" customWidth="1"/>
    <col min="7942" max="7942" width="9.25" customWidth="1"/>
    <col min="7943" max="7943" width="11.25" customWidth="1"/>
    <col min="7944" max="7944" width="14.5" customWidth="1"/>
    <col min="7945" max="7945" width="10.625" customWidth="1"/>
    <col min="7946" max="7946" width="8.625" customWidth="1"/>
    <col min="7947" max="7947" width="12.875" customWidth="1"/>
    <col min="7948" max="7949" width="10.625" customWidth="1"/>
    <col min="8196" max="8196" width="9.25" customWidth="1"/>
    <col min="8197" max="8197" width="11.5" customWidth="1"/>
    <col min="8198" max="8198" width="9.25" customWidth="1"/>
    <col min="8199" max="8199" width="11.25" customWidth="1"/>
    <col min="8200" max="8200" width="14.5" customWidth="1"/>
    <col min="8201" max="8201" width="10.625" customWidth="1"/>
    <col min="8202" max="8202" width="8.625" customWidth="1"/>
    <col min="8203" max="8203" width="12.875" customWidth="1"/>
    <col min="8204" max="8205" width="10.625" customWidth="1"/>
    <col min="8452" max="8452" width="9.25" customWidth="1"/>
    <col min="8453" max="8453" width="11.5" customWidth="1"/>
    <col min="8454" max="8454" width="9.25" customWidth="1"/>
    <col min="8455" max="8455" width="11.25" customWidth="1"/>
    <col min="8456" max="8456" width="14.5" customWidth="1"/>
    <col min="8457" max="8457" width="10.625" customWidth="1"/>
    <col min="8458" max="8458" width="8.625" customWidth="1"/>
    <col min="8459" max="8459" width="12.875" customWidth="1"/>
    <col min="8460" max="8461" width="10.625" customWidth="1"/>
    <col min="8708" max="8708" width="9.25" customWidth="1"/>
    <col min="8709" max="8709" width="11.5" customWidth="1"/>
    <col min="8710" max="8710" width="9.25" customWidth="1"/>
    <col min="8711" max="8711" width="11.25" customWidth="1"/>
    <col min="8712" max="8712" width="14.5" customWidth="1"/>
    <col min="8713" max="8713" width="10.625" customWidth="1"/>
    <col min="8714" max="8714" width="8.625" customWidth="1"/>
    <col min="8715" max="8715" width="12.875" customWidth="1"/>
    <col min="8716" max="8717" width="10.625" customWidth="1"/>
    <col min="8964" max="8964" width="9.25" customWidth="1"/>
    <col min="8965" max="8965" width="11.5" customWidth="1"/>
    <col min="8966" max="8966" width="9.25" customWidth="1"/>
    <col min="8967" max="8967" width="11.25" customWidth="1"/>
    <col min="8968" max="8968" width="14.5" customWidth="1"/>
    <col min="8969" max="8969" width="10.625" customWidth="1"/>
    <col min="8970" max="8970" width="8.625" customWidth="1"/>
    <col min="8971" max="8971" width="12.875" customWidth="1"/>
    <col min="8972" max="8973" width="10.625" customWidth="1"/>
    <col min="9220" max="9220" width="9.25" customWidth="1"/>
    <col min="9221" max="9221" width="11.5" customWidth="1"/>
    <col min="9222" max="9222" width="9.25" customWidth="1"/>
    <col min="9223" max="9223" width="11.25" customWidth="1"/>
    <col min="9224" max="9224" width="14.5" customWidth="1"/>
    <col min="9225" max="9225" width="10.625" customWidth="1"/>
    <col min="9226" max="9226" width="8.625" customWidth="1"/>
    <col min="9227" max="9227" width="12.875" customWidth="1"/>
    <col min="9228" max="9229" width="10.625" customWidth="1"/>
    <col min="9476" max="9476" width="9.25" customWidth="1"/>
    <col min="9477" max="9477" width="11.5" customWidth="1"/>
    <col min="9478" max="9478" width="9.25" customWidth="1"/>
    <col min="9479" max="9479" width="11.25" customWidth="1"/>
    <col min="9480" max="9480" width="14.5" customWidth="1"/>
    <col min="9481" max="9481" width="10.625" customWidth="1"/>
    <col min="9482" max="9482" width="8.625" customWidth="1"/>
    <col min="9483" max="9483" width="12.875" customWidth="1"/>
    <col min="9484" max="9485" width="10.625" customWidth="1"/>
    <col min="9732" max="9732" width="9.25" customWidth="1"/>
    <col min="9733" max="9733" width="11.5" customWidth="1"/>
    <col min="9734" max="9734" width="9.25" customWidth="1"/>
    <col min="9735" max="9735" width="11.25" customWidth="1"/>
    <col min="9736" max="9736" width="14.5" customWidth="1"/>
    <col min="9737" max="9737" width="10.625" customWidth="1"/>
    <col min="9738" max="9738" width="8.625" customWidth="1"/>
    <col min="9739" max="9739" width="12.875" customWidth="1"/>
    <col min="9740" max="9741" width="10.625" customWidth="1"/>
    <col min="9988" max="9988" width="9.25" customWidth="1"/>
    <col min="9989" max="9989" width="11.5" customWidth="1"/>
    <col min="9990" max="9990" width="9.25" customWidth="1"/>
    <col min="9991" max="9991" width="11.25" customWidth="1"/>
    <col min="9992" max="9992" width="14.5" customWidth="1"/>
    <col min="9993" max="9993" width="10.625" customWidth="1"/>
    <col min="9994" max="9994" width="8.625" customWidth="1"/>
    <col min="9995" max="9995" width="12.875" customWidth="1"/>
    <col min="9996" max="9997" width="10.625" customWidth="1"/>
    <col min="10244" max="10244" width="9.25" customWidth="1"/>
    <col min="10245" max="10245" width="11.5" customWidth="1"/>
    <col min="10246" max="10246" width="9.25" customWidth="1"/>
    <col min="10247" max="10247" width="11.25" customWidth="1"/>
    <col min="10248" max="10248" width="14.5" customWidth="1"/>
    <col min="10249" max="10249" width="10.625" customWidth="1"/>
    <col min="10250" max="10250" width="8.625" customWidth="1"/>
    <col min="10251" max="10251" width="12.875" customWidth="1"/>
    <col min="10252" max="10253" width="10.625" customWidth="1"/>
    <col min="10500" max="10500" width="9.25" customWidth="1"/>
    <col min="10501" max="10501" width="11.5" customWidth="1"/>
    <col min="10502" max="10502" width="9.25" customWidth="1"/>
    <col min="10503" max="10503" width="11.25" customWidth="1"/>
    <col min="10504" max="10504" width="14.5" customWidth="1"/>
    <col min="10505" max="10505" width="10.625" customWidth="1"/>
    <col min="10506" max="10506" width="8.625" customWidth="1"/>
    <col min="10507" max="10507" width="12.875" customWidth="1"/>
    <col min="10508" max="10509" width="10.625" customWidth="1"/>
    <col min="10756" max="10756" width="9.25" customWidth="1"/>
    <col min="10757" max="10757" width="11.5" customWidth="1"/>
    <col min="10758" max="10758" width="9.25" customWidth="1"/>
    <col min="10759" max="10759" width="11.25" customWidth="1"/>
    <col min="10760" max="10760" width="14.5" customWidth="1"/>
    <col min="10761" max="10761" width="10.625" customWidth="1"/>
    <col min="10762" max="10762" width="8.625" customWidth="1"/>
    <col min="10763" max="10763" width="12.875" customWidth="1"/>
    <col min="10764" max="10765" width="10.625" customWidth="1"/>
    <col min="11012" max="11012" width="9.25" customWidth="1"/>
    <col min="11013" max="11013" width="11.5" customWidth="1"/>
    <col min="11014" max="11014" width="9.25" customWidth="1"/>
    <col min="11015" max="11015" width="11.25" customWidth="1"/>
    <col min="11016" max="11016" width="14.5" customWidth="1"/>
    <col min="11017" max="11017" width="10.625" customWidth="1"/>
    <col min="11018" max="11018" width="8.625" customWidth="1"/>
    <col min="11019" max="11019" width="12.875" customWidth="1"/>
    <col min="11020" max="11021" width="10.625" customWidth="1"/>
    <col min="11268" max="11268" width="9.25" customWidth="1"/>
    <col min="11269" max="11269" width="11.5" customWidth="1"/>
    <col min="11270" max="11270" width="9.25" customWidth="1"/>
    <col min="11271" max="11271" width="11.25" customWidth="1"/>
    <col min="11272" max="11272" width="14.5" customWidth="1"/>
    <col min="11273" max="11273" width="10.625" customWidth="1"/>
    <col min="11274" max="11274" width="8.625" customWidth="1"/>
    <col min="11275" max="11275" width="12.875" customWidth="1"/>
    <col min="11276" max="11277" width="10.625" customWidth="1"/>
    <col min="11524" max="11524" width="9.25" customWidth="1"/>
    <col min="11525" max="11525" width="11.5" customWidth="1"/>
    <col min="11526" max="11526" width="9.25" customWidth="1"/>
    <col min="11527" max="11527" width="11.25" customWidth="1"/>
    <col min="11528" max="11528" width="14.5" customWidth="1"/>
    <col min="11529" max="11529" width="10.625" customWidth="1"/>
    <col min="11530" max="11530" width="8.625" customWidth="1"/>
    <col min="11531" max="11531" width="12.875" customWidth="1"/>
    <col min="11532" max="11533" width="10.625" customWidth="1"/>
    <col min="11780" max="11780" width="9.25" customWidth="1"/>
    <col min="11781" max="11781" width="11.5" customWidth="1"/>
    <col min="11782" max="11782" width="9.25" customWidth="1"/>
    <col min="11783" max="11783" width="11.25" customWidth="1"/>
    <col min="11784" max="11784" width="14.5" customWidth="1"/>
    <col min="11785" max="11785" width="10.625" customWidth="1"/>
    <col min="11786" max="11786" width="8.625" customWidth="1"/>
    <col min="11787" max="11787" width="12.875" customWidth="1"/>
    <col min="11788" max="11789" width="10.625" customWidth="1"/>
    <col min="12036" max="12036" width="9.25" customWidth="1"/>
    <col min="12037" max="12037" width="11.5" customWidth="1"/>
    <col min="12038" max="12038" width="9.25" customWidth="1"/>
    <col min="12039" max="12039" width="11.25" customWidth="1"/>
    <col min="12040" max="12040" width="14.5" customWidth="1"/>
    <col min="12041" max="12041" width="10.625" customWidth="1"/>
    <col min="12042" max="12042" width="8.625" customWidth="1"/>
    <col min="12043" max="12043" width="12.875" customWidth="1"/>
    <col min="12044" max="12045" width="10.625" customWidth="1"/>
    <col min="12292" max="12292" width="9.25" customWidth="1"/>
    <col min="12293" max="12293" width="11.5" customWidth="1"/>
    <col min="12294" max="12294" width="9.25" customWidth="1"/>
    <col min="12295" max="12295" width="11.25" customWidth="1"/>
    <col min="12296" max="12296" width="14.5" customWidth="1"/>
    <col min="12297" max="12297" width="10.625" customWidth="1"/>
    <col min="12298" max="12298" width="8.625" customWidth="1"/>
    <col min="12299" max="12299" width="12.875" customWidth="1"/>
    <col min="12300" max="12301" width="10.625" customWidth="1"/>
    <col min="12548" max="12548" width="9.25" customWidth="1"/>
    <col min="12549" max="12549" width="11.5" customWidth="1"/>
    <col min="12550" max="12550" width="9.25" customWidth="1"/>
    <col min="12551" max="12551" width="11.25" customWidth="1"/>
    <col min="12552" max="12552" width="14.5" customWidth="1"/>
    <col min="12553" max="12553" width="10.625" customWidth="1"/>
    <col min="12554" max="12554" width="8.625" customWidth="1"/>
    <col min="12555" max="12555" width="12.875" customWidth="1"/>
    <col min="12556" max="12557" width="10.625" customWidth="1"/>
    <col min="12804" max="12804" width="9.25" customWidth="1"/>
    <col min="12805" max="12805" width="11.5" customWidth="1"/>
    <col min="12806" max="12806" width="9.25" customWidth="1"/>
    <col min="12807" max="12807" width="11.25" customWidth="1"/>
    <col min="12808" max="12808" width="14.5" customWidth="1"/>
    <col min="12809" max="12809" width="10.625" customWidth="1"/>
    <col min="12810" max="12810" width="8.625" customWidth="1"/>
    <col min="12811" max="12811" width="12.875" customWidth="1"/>
    <col min="12812" max="12813" width="10.625" customWidth="1"/>
    <col min="13060" max="13060" width="9.25" customWidth="1"/>
    <col min="13061" max="13061" width="11.5" customWidth="1"/>
    <col min="13062" max="13062" width="9.25" customWidth="1"/>
    <col min="13063" max="13063" width="11.25" customWidth="1"/>
    <col min="13064" max="13064" width="14.5" customWidth="1"/>
    <col min="13065" max="13065" width="10.625" customWidth="1"/>
    <col min="13066" max="13066" width="8.625" customWidth="1"/>
    <col min="13067" max="13067" width="12.875" customWidth="1"/>
    <col min="13068" max="13069" width="10.625" customWidth="1"/>
    <col min="13316" max="13316" width="9.25" customWidth="1"/>
    <col min="13317" max="13317" width="11.5" customWidth="1"/>
    <col min="13318" max="13318" width="9.25" customWidth="1"/>
    <col min="13319" max="13319" width="11.25" customWidth="1"/>
    <col min="13320" max="13320" width="14.5" customWidth="1"/>
    <col min="13321" max="13321" width="10.625" customWidth="1"/>
    <col min="13322" max="13322" width="8.625" customWidth="1"/>
    <col min="13323" max="13323" width="12.875" customWidth="1"/>
    <col min="13324" max="13325" width="10.625" customWidth="1"/>
    <col min="13572" max="13572" width="9.25" customWidth="1"/>
    <col min="13573" max="13573" width="11.5" customWidth="1"/>
    <col min="13574" max="13574" width="9.25" customWidth="1"/>
    <col min="13575" max="13575" width="11.25" customWidth="1"/>
    <col min="13576" max="13576" width="14.5" customWidth="1"/>
    <col min="13577" max="13577" width="10.625" customWidth="1"/>
    <col min="13578" max="13578" width="8.625" customWidth="1"/>
    <col min="13579" max="13579" width="12.875" customWidth="1"/>
    <col min="13580" max="13581" width="10.625" customWidth="1"/>
    <col min="13828" max="13828" width="9.25" customWidth="1"/>
    <col min="13829" max="13829" width="11.5" customWidth="1"/>
    <col min="13830" max="13830" width="9.25" customWidth="1"/>
    <col min="13831" max="13831" width="11.25" customWidth="1"/>
    <col min="13832" max="13832" width="14.5" customWidth="1"/>
    <col min="13833" max="13833" width="10.625" customWidth="1"/>
    <col min="13834" max="13834" width="8.625" customWidth="1"/>
    <col min="13835" max="13835" width="12.875" customWidth="1"/>
    <col min="13836" max="13837" width="10.625" customWidth="1"/>
    <col min="14084" max="14084" width="9.25" customWidth="1"/>
    <col min="14085" max="14085" width="11.5" customWidth="1"/>
    <col min="14086" max="14086" width="9.25" customWidth="1"/>
    <col min="14087" max="14087" width="11.25" customWidth="1"/>
    <col min="14088" max="14088" width="14.5" customWidth="1"/>
    <col min="14089" max="14089" width="10.625" customWidth="1"/>
    <col min="14090" max="14090" width="8.625" customWidth="1"/>
    <col min="14091" max="14091" width="12.875" customWidth="1"/>
    <col min="14092" max="14093" width="10.625" customWidth="1"/>
    <col min="14340" max="14340" width="9.25" customWidth="1"/>
    <col min="14341" max="14341" width="11.5" customWidth="1"/>
    <col min="14342" max="14342" width="9.25" customWidth="1"/>
    <col min="14343" max="14343" width="11.25" customWidth="1"/>
    <col min="14344" max="14344" width="14.5" customWidth="1"/>
    <col min="14345" max="14345" width="10.625" customWidth="1"/>
    <col min="14346" max="14346" width="8.625" customWidth="1"/>
    <col min="14347" max="14347" width="12.875" customWidth="1"/>
    <col min="14348" max="14349" width="10.625" customWidth="1"/>
    <col min="14596" max="14596" width="9.25" customWidth="1"/>
    <col min="14597" max="14597" width="11.5" customWidth="1"/>
    <col min="14598" max="14598" width="9.25" customWidth="1"/>
    <col min="14599" max="14599" width="11.25" customWidth="1"/>
    <col min="14600" max="14600" width="14.5" customWidth="1"/>
    <col min="14601" max="14601" width="10.625" customWidth="1"/>
    <col min="14602" max="14602" width="8.625" customWidth="1"/>
    <col min="14603" max="14603" width="12.875" customWidth="1"/>
    <col min="14604" max="14605" width="10.625" customWidth="1"/>
    <col min="14852" max="14852" width="9.25" customWidth="1"/>
    <col min="14853" max="14853" width="11.5" customWidth="1"/>
    <col min="14854" max="14854" width="9.25" customWidth="1"/>
    <col min="14855" max="14855" width="11.25" customWidth="1"/>
    <col min="14856" max="14856" width="14.5" customWidth="1"/>
    <col min="14857" max="14857" width="10.625" customWidth="1"/>
    <col min="14858" max="14858" width="8.625" customWidth="1"/>
    <col min="14859" max="14859" width="12.875" customWidth="1"/>
    <col min="14860" max="14861" width="10.625" customWidth="1"/>
    <col min="15108" max="15108" width="9.25" customWidth="1"/>
    <col min="15109" max="15109" width="11.5" customWidth="1"/>
    <col min="15110" max="15110" width="9.25" customWidth="1"/>
    <col min="15111" max="15111" width="11.25" customWidth="1"/>
    <col min="15112" max="15112" width="14.5" customWidth="1"/>
    <col min="15113" max="15113" width="10.625" customWidth="1"/>
    <col min="15114" max="15114" width="8.625" customWidth="1"/>
    <col min="15115" max="15115" width="12.875" customWidth="1"/>
    <col min="15116" max="15117" width="10.625" customWidth="1"/>
    <col min="15364" max="15364" width="9.25" customWidth="1"/>
    <col min="15365" max="15365" width="11.5" customWidth="1"/>
    <col min="15366" max="15366" width="9.25" customWidth="1"/>
    <col min="15367" max="15367" width="11.25" customWidth="1"/>
    <col min="15368" max="15368" width="14.5" customWidth="1"/>
    <col min="15369" max="15369" width="10.625" customWidth="1"/>
    <col min="15370" max="15370" width="8.625" customWidth="1"/>
    <col min="15371" max="15371" width="12.875" customWidth="1"/>
    <col min="15372" max="15373" width="10.625" customWidth="1"/>
    <col min="15620" max="15620" width="9.25" customWidth="1"/>
    <col min="15621" max="15621" width="11.5" customWidth="1"/>
    <col min="15622" max="15622" width="9.25" customWidth="1"/>
    <col min="15623" max="15623" width="11.25" customWidth="1"/>
    <col min="15624" max="15624" width="14.5" customWidth="1"/>
    <col min="15625" max="15625" width="10.625" customWidth="1"/>
    <col min="15626" max="15626" width="8.625" customWidth="1"/>
    <col min="15627" max="15627" width="12.875" customWidth="1"/>
    <col min="15628" max="15629" width="10.625" customWidth="1"/>
    <col min="15876" max="15876" width="9.25" customWidth="1"/>
    <col min="15877" max="15877" width="11.5" customWidth="1"/>
    <col min="15878" max="15878" width="9.25" customWidth="1"/>
    <col min="15879" max="15879" width="11.25" customWidth="1"/>
    <col min="15880" max="15880" width="14.5" customWidth="1"/>
    <col min="15881" max="15881" width="10.625" customWidth="1"/>
    <col min="15882" max="15882" width="8.625" customWidth="1"/>
    <col min="15883" max="15883" width="12.875" customWidth="1"/>
    <col min="15884" max="15885" width="10.625" customWidth="1"/>
    <col min="16132" max="16132" width="9.25" customWidth="1"/>
    <col min="16133" max="16133" width="11.5" customWidth="1"/>
    <col min="16134" max="16134" width="9.25" customWidth="1"/>
    <col min="16135" max="16135" width="11.25" customWidth="1"/>
    <col min="16136" max="16136" width="14.5" customWidth="1"/>
    <col min="16137" max="16137" width="10.625" customWidth="1"/>
    <col min="16138" max="16138" width="8.625" customWidth="1"/>
    <col min="16139" max="16139" width="12.875" customWidth="1"/>
    <col min="16140" max="16141" width="10.625" customWidth="1"/>
  </cols>
  <sheetData>
    <row r="1" spans="1:11" s="1" customFormat="1" ht="26.25" customHeight="1" x14ac:dyDescent="0.15">
      <c r="A1" s="108" t="s">
        <v>11</v>
      </c>
      <c r="B1" s="108"/>
      <c r="C1" s="108"/>
      <c r="D1" s="108"/>
      <c r="E1" s="108"/>
      <c r="F1" s="108"/>
      <c r="G1" s="108"/>
      <c r="H1" s="108"/>
      <c r="I1" s="108"/>
      <c r="J1" s="108"/>
      <c r="K1" s="108"/>
    </row>
    <row r="2" spans="1:11" s="1" customFormat="1" ht="26.25" customHeight="1" x14ac:dyDescent="0.15">
      <c r="C2" s="48"/>
      <c r="D2" s="48"/>
      <c r="E2" s="48"/>
      <c r="F2" s="48"/>
      <c r="G2" s="48"/>
      <c r="H2" s="48"/>
      <c r="I2" s="48"/>
    </row>
    <row r="3" spans="1:11" s="1" customFormat="1" ht="26.25" customHeight="1" x14ac:dyDescent="0.15">
      <c r="H3" s="109" t="s">
        <v>10</v>
      </c>
      <c r="I3" s="109"/>
      <c r="J3" s="109"/>
      <c r="K3" s="109"/>
    </row>
    <row r="4" spans="1:11" s="1" customFormat="1" ht="26.25" customHeight="1" x14ac:dyDescent="0.15">
      <c r="A4" s="110" t="s">
        <v>9</v>
      </c>
      <c r="B4" s="110"/>
    </row>
    <row r="5" spans="1:11" s="1" customFormat="1" ht="26.25" customHeight="1" x14ac:dyDescent="0.15">
      <c r="D5" s="100" t="s">
        <v>22</v>
      </c>
      <c r="E5" s="100"/>
      <c r="F5" s="42" t="s">
        <v>8</v>
      </c>
      <c r="G5" s="17"/>
      <c r="H5" s="67" t="s">
        <v>13</v>
      </c>
      <c r="I5" s="17"/>
      <c r="J5" s="17"/>
      <c r="K5" s="17"/>
    </row>
    <row r="6" spans="1:11" s="1" customFormat="1" ht="26.25" customHeight="1" x14ac:dyDescent="0.15">
      <c r="D6" s="100"/>
      <c r="E6" s="100"/>
      <c r="F6" s="43" t="s">
        <v>20</v>
      </c>
      <c r="G6" s="16"/>
      <c r="H6" s="68" t="s">
        <v>12</v>
      </c>
      <c r="I6" s="15"/>
      <c r="J6" s="15"/>
      <c r="K6" s="14"/>
    </row>
    <row r="7" spans="1:11" s="1" customFormat="1" ht="26.25" customHeight="1" x14ac:dyDescent="0.15">
      <c r="F7" s="44" t="s">
        <v>21</v>
      </c>
      <c r="G7" s="20"/>
      <c r="H7" s="111" t="s">
        <v>30</v>
      </c>
      <c r="I7" s="111"/>
      <c r="J7" s="111"/>
      <c r="K7" s="111"/>
    </row>
    <row r="8" spans="1:11" s="1" customFormat="1" ht="26.25" customHeight="1" x14ac:dyDescent="0.15"/>
    <row r="9" spans="1:11" s="1" customFormat="1" ht="26.25" customHeight="1" x14ac:dyDescent="0.15">
      <c r="A9" s="112" t="s">
        <v>7</v>
      </c>
      <c r="B9" s="112"/>
      <c r="C9" s="112"/>
      <c r="D9" s="112"/>
      <c r="E9" s="112"/>
      <c r="F9" s="112"/>
      <c r="G9" s="112"/>
      <c r="H9" s="112"/>
      <c r="I9" s="112"/>
      <c r="J9" s="112"/>
      <c r="K9" s="112"/>
    </row>
    <row r="10" spans="1:11" s="1" customFormat="1" ht="26.25" customHeight="1" x14ac:dyDescent="0.15">
      <c r="A10" s="112"/>
      <c r="B10" s="112"/>
      <c r="C10" s="112"/>
      <c r="D10" s="112"/>
      <c r="E10" s="112"/>
      <c r="F10" s="112"/>
      <c r="G10" s="112"/>
      <c r="H10" s="112"/>
      <c r="I10" s="112"/>
      <c r="J10" s="112"/>
      <c r="K10" s="112"/>
    </row>
    <row r="11" spans="1:11" s="1" customFormat="1" ht="15" customHeight="1" x14ac:dyDescent="0.15">
      <c r="A11" s="112"/>
      <c r="B11" s="112"/>
      <c r="C11" s="112"/>
      <c r="D11" s="112"/>
      <c r="E11" s="112"/>
      <c r="F11" s="112"/>
      <c r="G11" s="112"/>
      <c r="H11" s="112"/>
      <c r="I11" s="112"/>
      <c r="J11" s="112"/>
      <c r="K11" s="112"/>
    </row>
    <row r="12" spans="1:11" s="1" customFormat="1" ht="26.25" customHeight="1" x14ac:dyDescent="0.15">
      <c r="A12" s="112"/>
      <c r="B12" s="112"/>
      <c r="C12" s="112"/>
      <c r="D12" s="112"/>
      <c r="E12" s="112"/>
      <c r="F12" s="112"/>
      <c r="G12" s="112"/>
      <c r="H12" s="112"/>
      <c r="I12" s="112"/>
      <c r="J12" s="112"/>
      <c r="K12" s="112"/>
    </row>
    <row r="13" spans="1:11" s="1" customFormat="1" ht="30" customHeight="1" x14ac:dyDescent="0.15">
      <c r="B13" s="28" t="s">
        <v>6</v>
      </c>
      <c r="C13" s="94" t="s">
        <v>31</v>
      </c>
      <c r="D13" s="95"/>
      <c r="E13" s="95"/>
      <c r="F13" s="95"/>
      <c r="G13" s="95"/>
      <c r="H13" s="95"/>
      <c r="I13" s="95"/>
      <c r="J13" s="96"/>
    </row>
    <row r="14" spans="1:11" s="1" customFormat="1" ht="18.75" customHeight="1" x14ac:dyDescent="0.15">
      <c r="B14" s="98" t="s">
        <v>15</v>
      </c>
      <c r="C14" s="21" t="s">
        <v>14</v>
      </c>
      <c r="D14" s="72" t="s">
        <v>37</v>
      </c>
      <c r="E14" s="22"/>
      <c r="F14" s="22"/>
      <c r="G14" s="22"/>
      <c r="H14" s="22"/>
      <c r="I14" s="22"/>
      <c r="J14" s="23"/>
    </row>
    <row r="15" spans="1:11" s="1" customFormat="1" ht="30" customHeight="1" x14ac:dyDescent="0.15">
      <c r="B15" s="99"/>
      <c r="C15" s="27"/>
      <c r="D15" s="69" t="s">
        <v>38</v>
      </c>
      <c r="E15" s="22"/>
      <c r="F15" s="22"/>
      <c r="G15" s="22"/>
      <c r="H15" s="22"/>
      <c r="I15" s="22"/>
      <c r="J15" s="23"/>
    </row>
    <row r="16" spans="1:11" s="1" customFormat="1" ht="30" customHeight="1" thickBot="1" x14ac:dyDescent="0.2">
      <c r="B16" s="99"/>
      <c r="C16" s="29"/>
      <c r="D16" s="30"/>
      <c r="E16" s="30"/>
      <c r="F16" s="30"/>
      <c r="G16" s="30"/>
      <c r="H16" s="30"/>
      <c r="I16" s="30"/>
      <c r="J16" s="31"/>
    </row>
    <row r="17" spans="2:10" s="1" customFormat="1" ht="18.75" customHeight="1" x14ac:dyDescent="0.15">
      <c r="B17" s="102" t="s">
        <v>16</v>
      </c>
      <c r="C17" s="105" t="s">
        <v>26</v>
      </c>
      <c r="D17" s="40" t="s">
        <v>33</v>
      </c>
      <c r="E17" s="71" t="s">
        <v>36</v>
      </c>
      <c r="F17" s="36"/>
      <c r="G17" s="36"/>
      <c r="H17" s="36"/>
      <c r="I17" s="36"/>
      <c r="J17" s="37"/>
    </row>
    <row r="18" spans="2:10" s="1" customFormat="1" ht="30" customHeight="1" x14ac:dyDescent="0.15">
      <c r="B18" s="103"/>
      <c r="C18" s="106"/>
      <c r="D18" s="70"/>
      <c r="E18" s="73" t="s">
        <v>32</v>
      </c>
      <c r="F18" s="13"/>
      <c r="G18" s="13"/>
      <c r="H18" s="13"/>
      <c r="I18" s="13"/>
      <c r="J18" s="50"/>
    </row>
    <row r="19" spans="2:10" s="1" customFormat="1" ht="30" customHeight="1" x14ac:dyDescent="0.15">
      <c r="B19" s="103"/>
      <c r="C19" s="107"/>
      <c r="D19" s="12"/>
      <c r="E19" s="12"/>
      <c r="F19" s="12"/>
      <c r="G19" s="12"/>
      <c r="H19" s="12"/>
      <c r="I19" s="12"/>
      <c r="J19" s="38"/>
    </row>
    <row r="20" spans="2:10" s="1" customFormat="1" ht="30" customHeight="1" x14ac:dyDescent="0.15">
      <c r="B20" s="103"/>
      <c r="C20" s="87" t="s">
        <v>27</v>
      </c>
      <c r="D20" s="51"/>
      <c r="E20" s="74" t="s">
        <v>34</v>
      </c>
      <c r="F20" s="51"/>
      <c r="G20" s="54"/>
      <c r="H20" s="51"/>
      <c r="I20" s="51"/>
      <c r="J20" s="53"/>
    </row>
    <row r="21" spans="2:10" s="1" customFormat="1" ht="30" customHeight="1" x14ac:dyDescent="0.15">
      <c r="B21" s="104"/>
      <c r="C21" s="88"/>
      <c r="E21" s="34" t="s">
        <v>39</v>
      </c>
      <c r="F21" s="33"/>
      <c r="G21" s="63"/>
      <c r="H21" s="33"/>
      <c r="I21" s="33"/>
      <c r="J21" s="64"/>
    </row>
    <row r="22" spans="2:10" s="1" customFormat="1" ht="30" customHeight="1" thickBot="1" x14ac:dyDescent="0.2">
      <c r="B22" s="49" t="s">
        <v>5</v>
      </c>
      <c r="C22" s="82" t="s">
        <v>4</v>
      </c>
      <c r="D22" s="83"/>
      <c r="E22" s="97"/>
      <c r="F22" s="83" t="s">
        <v>40</v>
      </c>
      <c r="G22" s="83"/>
      <c r="H22" s="83"/>
      <c r="I22" s="83"/>
      <c r="J22" s="101"/>
    </row>
    <row r="23" spans="2:10" s="1" customFormat="1" ht="20.25" customHeight="1" x14ac:dyDescent="0.15">
      <c r="B23" s="91" t="s">
        <v>17</v>
      </c>
      <c r="C23" s="60" t="s">
        <v>29</v>
      </c>
      <c r="D23" s="56"/>
      <c r="E23" s="57"/>
      <c r="F23" s="56"/>
      <c r="G23" s="56"/>
      <c r="H23" s="56"/>
      <c r="I23" s="56"/>
      <c r="J23" s="58"/>
    </row>
    <row r="24" spans="2:10" s="1" customFormat="1" ht="20.25" customHeight="1" x14ac:dyDescent="0.15">
      <c r="B24" s="92"/>
      <c r="C24" s="61" t="s">
        <v>42</v>
      </c>
      <c r="D24" s="47"/>
      <c r="E24" s="55"/>
      <c r="F24" s="47"/>
      <c r="G24" s="47"/>
      <c r="H24" s="47"/>
      <c r="I24" s="47"/>
      <c r="J24" s="59"/>
    </row>
    <row r="25" spans="2:10" s="1" customFormat="1" ht="53.25" customHeight="1" x14ac:dyDescent="0.15">
      <c r="B25" s="93"/>
      <c r="C25" s="62" t="s">
        <v>41</v>
      </c>
      <c r="D25" s="46"/>
      <c r="E25" s="32"/>
      <c r="F25" s="32"/>
      <c r="G25" s="33"/>
      <c r="H25" s="34"/>
      <c r="I25" s="34"/>
      <c r="J25" s="35"/>
    </row>
    <row r="26" spans="2:10" s="1" customFormat="1" ht="26.25" customHeight="1" x14ac:dyDescent="0.15">
      <c r="B26" s="114"/>
      <c r="C26" s="114"/>
      <c r="D26" s="114"/>
      <c r="E26" s="114"/>
      <c r="F26" s="47"/>
    </row>
    <row r="27" spans="2:10" s="1" customFormat="1" ht="15" hidden="1" customHeight="1" x14ac:dyDescent="0.15">
      <c r="B27" s="47"/>
      <c r="C27" s="47"/>
      <c r="D27" s="47"/>
      <c r="E27" s="47"/>
      <c r="F27" s="47"/>
    </row>
    <row r="28" spans="2:10" s="1" customFormat="1" ht="26.25" hidden="1" customHeight="1" x14ac:dyDescent="0.15">
      <c r="E28" s="1" t="s">
        <v>3</v>
      </c>
      <c r="G28" s="8"/>
      <c r="H28" s="8"/>
      <c r="I28" s="8"/>
      <c r="J28" s="7"/>
    </row>
    <row r="29" spans="2:10" s="1" customFormat="1" ht="15" hidden="1" customHeight="1" x14ac:dyDescent="0.15">
      <c r="E29" s="10"/>
      <c r="F29" s="10"/>
      <c r="G29" s="10"/>
      <c r="H29" s="10"/>
      <c r="I29" s="10"/>
      <c r="J29" s="10"/>
    </row>
    <row r="30" spans="2:10" s="1" customFormat="1" ht="26.25" hidden="1" customHeight="1" x14ac:dyDescent="0.15">
      <c r="E30" s="8" t="s">
        <v>23</v>
      </c>
      <c r="F30" s="9"/>
      <c r="G30" s="8"/>
      <c r="H30" s="8"/>
      <c r="I30" s="8"/>
      <c r="J30" s="7"/>
    </row>
    <row r="31" spans="2:10" s="1" customFormat="1" ht="15" hidden="1" customHeight="1" x14ac:dyDescent="0.15">
      <c r="E31" s="6"/>
      <c r="F31" s="6"/>
      <c r="G31" s="3"/>
      <c r="H31" s="3"/>
      <c r="I31" s="3"/>
      <c r="J31" s="3"/>
    </row>
    <row r="32" spans="2:10" s="1" customFormat="1" ht="26.25" customHeight="1" thickBot="1" x14ac:dyDescent="0.2">
      <c r="B32" s="5"/>
      <c r="C32" s="5"/>
      <c r="D32" s="5"/>
      <c r="E32" s="4"/>
      <c r="F32" s="4"/>
      <c r="G32" s="4"/>
      <c r="H32" s="4"/>
      <c r="I32" s="4"/>
      <c r="J32" s="4"/>
    </row>
    <row r="33" spans="2:10" s="1" customFormat="1" ht="15" customHeight="1" x14ac:dyDescent="0.15">
      <c r="B33" s="113" t="s">
        <v>2</v>
      </c>
      <c r="C33" s="113"/>
      <c r="D33" s="11"/>
      <c r="E33" s="3"/>
      <c r="F33" s="3"/>
      <c r="G33" s="3"/>
      <c r="H33" s="3"/>
      <c r="I33" s="3"/>
      <c r="J33" s="3"/>
    </row>
    <row r="34" spans="2:10" s="1" customFormat="1" ht="15" customHeight="1" x14ac:dyDescent="0.15">
      <c r="B34" s="2"/>
      <c r="C34" s="2"/>
      <c r="D34" s="79" t="s">
        <v>1</v>
      </c>
      <c r="E34" s="80"/>
      <c r="F34" s="80"/>
      <c r="G34" s="80"/>
      <c r="H34" s="80"/>
      <c r="I34" s="80"/>
      <c r="J34" s="81"/>
    </row>
    <row r="35" spans="2:10" s="1" customFormat="1" ht="15" customHeight="1" x14ac:dyDescent="0.15">
      <c r="B35" s="2"/>
      <c r="C35" s="11"/>
      <c r="D35" s="87" t="s">
        <v>18</v>
      </c>
      <c r="E35" s="82" t="s">
        <v>0</v>
      </c>
      <c r="F35" s="84"/>
      <c r="G35" s="82" t="s">
        <v>47</v>
      </c>
      <c r="H35" s="83"/>
      <c r="I35" s="83"/>
      <c r="J35" s="84"/>
    </row>
    <row r="36" spans="2:10" s="1" customFormat="1" ht="15" customHeight="1" x14ac:dyDescent="0.15">
      <c r="B36" s="2"/>
      <c r="C36" s="11"/>
      <c r="D36" s="88"/>
      <c r="E36" s="85"/>
      <c r="F36" s="86"/>
      <c r="G36" s="79" t="s">
        <v>48</v>
      </c>
      <c r="H36" s="80"/>
      <c r="I36" s="80"/>
      <c r="J36" s="81"/>
    </row>
    <row r="37" spans="2:10" s="1" customFormat="1" ht="20.25" customHeight="1" x14ac:dyDescent="0.15">
      <c r="B37" s="2"/>
      <c r="C37" s="11"/>
      <c r="D37" s="89" t="s">
        <v>44</v>
      </c>
      <c r="E37" s="82" t="s">
        <v>19</v>
      </c>
      <c r="F37" s="84"/>
      <c r="G37" s="79" t="s">
        <v>46</v>
      </c>
      <c r="H37" s="80"/>
      <c r="I37" s="80"/>
      <c r="J37" s="81"/>
    </row>
    <row r="38" spans="2:10" s="1" customFormat="1" ht="39" customHeight="1" x14ac:dyDescent="0.15">
      <c r="B38" s="2"/>
      <c r="C38" s="11"/>
      <c r="D38" s="90"/>
      <c r="E38" s="85"/>
      <c r="F38" s="86"/>
      <c r="G38" s="76"/>
      <c r="H38" s="33"/>
      <c r="I38" s="33"/>
      <c r="J38" s="41"/>
    </row>
    <row r="39" spans="2:10" s="1" customFormat="1" ht="15" customHeight="1" x14ac:dyDescent="0.15">
      <c r="B39" s="2"/>
      <c r="C39" s="11"/>
      <c r="D39" s="87" t="s">
        <v>45</v>
      </c>
      <c r="E39" s="82" t="s">
        <v>19</v>
      </c>
      <c r="F39" s="84"/>
      <c r="G39" s="75"/>
      <c r="H39" s="77"/>
      <c r="I39" s="77"/>
      <c r="J39" s="78"/>
    </row>
    <row r="40" spans="2:10" s="1" customFormat="1" ht="30" customHeight="1" x14ac:dyDescent="0.15">
      <c r="B40" s="2"/>
      <c r="C40" s="11"/>
      <c r="D40" s="88"/>
      <c r="E40" s="85"/>
      <c r="F40" s="86"/>
      <c r="G40" s="76"/>
      <c r="H40" s="33"/>
      <c r="I40" s="33"/>
      <c r="J40" s="41"/>
    </row>
    <row r="41" spans="2:10" ht="26.25" customHeight="1" x14ac:dyDescent="0.15"/>
    <row r="42" spans="2:10" ht="26.25" customHeight="1" x14ac:dyDescent="0.15"/>
    <row r="43" spans="2:10" ht="26.25" customHeight="1" x14ac:dyDescent="0.15"/>
    <row r="44" spans="2:10" ht="26.25" customHeight="1" x14ac:dyDescent="0.15"/>
    <row r="45" spans="2:10" ht="26.25" customHeight="1" x14ac:dyDescent="0.15"/>
  </sheetData>
  <mergeCells count="26">
    <mergeCell ref="D37:D38"/>
    <mergeCell ref="E37:F38"/>
    <mergeCell ref="G37:J37"/>
    <mergeCell ref="D39:D40"/>
    <mergeCell ref="E39:F40"/>
    <mergeCell ref="B23:B25"/>
    <mergeCell ref="B26:E26"/>
    <mergeCell ref="B33:C33"/>
    <mergeCell ref="D34:J34"/>
    <mergeCell ref="D35:D36"/>
    <mergeCell ref="E35:F36"/>
    <mergeCell ref="G35:J35"/>
    <mergeCell ref="G36:J36"/>
    <mergeCell ref="C22:E22"/>
    <mergeCell ref="F22:J22"/>
    <mergeCell ref="A1:K1"/>
    <mergeCell ref="H3:K3"/>
    <mergeCell ref="A4:B4"/>
    <mergeCell ref="D5:E6"/>
    <mergeCell ref="H7:K7"/>
    <mergeCell ref="A9:K12"/>
    <mergeCell ref="C13:J13"/>
    <mergeCell ref="B14:B16"/>
    <mergeCell ref="B17:B21"/>
    <mergeCell ref="C17:C19"/>
    <mergeCell ref="C20:C21"/>
  </mergeCells>
  <phoneticPr fontId="2"/>
  <printOptions horizontalCentered="1" verticalCentered="1"/>
  <pageMargins left="0.78740157480314965" right="0.78740157480314965" top="0.70866141732283472" bottom="0.59055118110236227" header="0" footer="0.51181102362204722"/>
  <pageSetup paperSize="9" scale="89" orientation="portrait" horizontalDpi="300" verticalDpi="300"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様式</vt:lpstr>
      <vt:lpstr>記載例</vt:lpstr>
      <vt:lpstr>記載例!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富山市</dc:creator>
  <cp:lastModifiedBy>村上　亜希</cp:lastModifiedBy>
  <cp:lastPrinted>2024-03-06T04:54:04Z</cp:lastPrinted>
  <dcterms:created xsi:type="dcterms:W3CDTF">2022-03-31T01:13:04Z</dcterms:created>
  <dcterms:modified xsi:type="dcterms:W3CDTF">2024-03-06T04:55:03Z</dcterms:modified>
</cp:coreProperties>
</file>